
<file path=[Content_Types].xml><?xml version="1.0" encoding="utf-8"?>
<Types xmlns="http://schemas.openxmlformats.org/package/2006/content-types">
  <Default Extension="emf" ContentType="image/x-emf"/>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33"/>
  </p:notesMasterIdLst>
  <p:sldIdLst>
    <p:sldId id="299" r:id="rId2"/>
    <p:sldId id="300" r:id="rId3"/>
    <p:sldId id="309" r:id="rId4"/>
    <p:sldId id="310" r:id="rId5"/>
    <p:sldId id="311" r:id="rId6"/>
    <p:sldId id="301" r:id="rId7"/>
    <p:sldId id="302" r:id="rId8"/>
    <p:sldId id="312" r:id="rId9"/>
    <p:sldId id="334" r:id="rId10"/>
    <p:sldId id="335" r:id="rId11"/>
    <p:sldId id="336" r:id="rId12"/>
    <p:sldId id="303" r:id="rId13"/>
    <p:sldId id="338" r:id="rId14"/>
    <p:sldId id="304" r:id="rId15"/>
    <p:sldId id="324" r:id="rId16"/>
    <p:sldId id="327" r:id="rId17"/>
    <p:sldId id="325" r:id="rId18"/>
    <p:sldId id="326" r:id="rId19"/>
    <p:sldId id="317" r:id="rId20"/>
    <p:sldId id="330" r:id="rId21"/>
    <p:sldId id="329" r:id="rId22"/>
    <p:sldId id="328" r:id="rId23"/>
    <p:sldId id="306" r:id="rId24"/>
    <p:sldId id="339" r:id="rId25"/>
    <p:sldId id="331" r:id="rId26"/>
    <p:sldId id="307" r:id="rId27"/>
    <p:sldId id="320" r:id="rId28"/>
    <p:sldId id="321" r:id="rId29"/>
    <p:sldId id="340" r:id="rId30"/>
    <p:sldId id="341" r:id="rId31"/>
    <p:sldId id="272" r:id="rId32"/>
  </p:sldIdLst>
  <p:sldSz cx="12192000" cy="6858000"/>
  <p:notesSz cx="9601200" cy="7315200"/>
  <p:custDataLst>
    <p:tags r:id="rId34"/>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800" userDrawn="1">
          <p15:clr>
            <a:srgbClr val="A4A3A4"/>
          </p15:clr>
        </p15:guide>
        <p15:guide id="2" pos="2952" userDrawn="1">
          <p15:clr>
            <a:srgbClr val="A4A3A4"/>
          </p15:clr>
        </p15:guide>
        <p15:guide id="3" pos="4752" userDrawn="1">
          <p15:clr>
            <a:srgbClr val="A4A3A4"/>
          </p15:clr>
        </p15:guide>
        <p15:guide id="4" orient="horz" pos="1434"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93371"/>
    <a:srgbClr val="FFFFFF"/>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1975" autoAdjust="0"/>
    <p:restoredTop sz="72727" autoAdjust="0"/>
  </p:normalViewPr>
  <p:slideViewPr>
    <p:cSldViewPr snapToGrid="0" showGuides="1">
      <p:cViewPr varScale="1">
        <p:scale>
          <a:sx n="109" d="100"/>
          <a:sy n="109" d="100"/>
        </p:scale>
        <p:origin x="1456" y="192"/>
      </p:cViewPr>
      <p:guideLst>
        <p:guide orient="horz" pos="1800"/>
        <p:guide pos="2952"/>
        <p:guide pos="4752"/>
        <p:guide orient="horz" pos="1434"/>
      </p:guideLst>
    </p:cSldViewPr>
  </p:slideViewPr>
  <p:outlineViewPr>
    <p:cViewPr>
      <p:scale>
        <a:sx n="33" d="100"/>
        <a:sy n="33" d="100"/>
      </p:scale>
      <p:origin x="0" y="0"/>
    </p:cViewPr>
  </p:outlineViewPr>
  <p:notesTextViewPr>
    <p:cViewPr>
      <p:scale>
        <a:sx n="85" d="100"/>
        <a:sy n="85" d="100"/>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21" Type="http://schemas.openxmlformats.org/officeDocument/2006/relationships/slide" Target="slides/slide20.xml"/><Relationship Id="rId34" Type="http://schemas.openxmlformats.org/officeDocument/2006/relationships/tags" Target="tags/tag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notesMaster" Target="notesMasters/notesMaster1.xml"/><Relationship Id="rId38"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presProps" Target="presProps.xml"/><Relationship Id="rId8" Type="http://schemas.openxmlformats.org/officeDocument/2006/relationships/slide" Target="slides/slide7.xml"/><Relationship Id="rId3"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Relationships xmlns="http://schemas.openxmlformats.org/package/2006/relationships"><Relationship Id="rId2" Target="../slides/slide1.xml" Type="http://schemas.openxmlformats.org/officeDocument/2006/relationships/slide"/><Relationship Id="rId1" Target="../notesMasters/notesMaster1.xml" Type="http://schemas.openxmlformats.org/officeDocument/2006/relationships/notesMaster"/></Relationships>
</file>

<file path=ppt/notesSlides/_rels/notesSlide10.xml.rels><?xml version="1.0" encoding="utf-8"?>
<Relationships xmlns="http://schemas.openxmlformats.org/package/2006/relationships"><Relationship Id="rId2" Target="../slides/slide10.xml" Type="http://schemas.openxmlformats.org/officeDocument/2006/relationships/slide"/><Relationship Id="rId1" Target="../notesMasters/notesMaster1.xml" Type="http://schemas.openxmlformats.org/officeDocument/2006/relationships/notesMaster"/></Relationships>
</file>

<file path=ppt/notesSlides/_rels/notesSlide11.xml.rels><?xml version="1.0" encoding="utf-8"?>
<Relationships xmlns="http://schemas.openxmlformats.org/package/2006/relationships"><Relationship Id="rId2" Target="../slides/slide11.xml" Type="http://schemas.openxmlformats.org/officeDocument/2006/relationships/slide"/><Relationship Id="rId1" Target="../notesMasters/notesMaster1.xml" Type="http://schemas.openxmlformats.org/officeDocument/2006/relationships/notesMaster"/></Relationships>
</file>

<file path=ppt/notesSlides/_rels/notesSlide12.xml.rels><?xml version="1.0" encoding="utf-8"?>
<Relationships xmlns="http://schemas.openxmlformats.org/package/2006/relationships"><Relationship Id="rId2" Target="../slides/slide12.xml" Type="http://schemas.openxmlformats.org/officeDocument/2006/relationships/slide"/><Relationship Id="rId1" Target="../notesMasters/notesMaster1.xml" Type="http://schemas.openxmlformats.org/officeDocument/2006/relationships/notesMaster"/></Relationships>
</file>

<file path=ppt/notesSlides/_rels/notesSlide13.xml.rels><?xml version="1.0" encoding="utf-8"?>
<Relationships xmlns="http://schemas.openxmlformats.org/package/2006/relationships"><Relationship Id="rId2" Target="../slides/slide13.xml" Type="http://schemas.openxmlformats.org/officeDocument/2006/relationships/slide"/><Relationship Id="rId1" Target="../notesMasters/notesMaster1.xml" Type="http://schemas.openxmlformats.org/officeDocument/2006/relationships/notesMaster"/></Relationships>
</file>

<file path=ppt/notesSlides/_rels/notesSlide14.xml.rels><?xml version="1.0" encoding="utf-8"?>
<Relationships xmlns="http://schemas.openxmlformats.org/package/2006/relationships"><Relationship Id="rId2" Target="../slides/slide14.xml" Type="http://schemas.openxmlformats.org/officeDocument/2006/relationships/slide"/><Relationship Id="rId1" Target="../notesMasters/notesMaster1.xml" Type="http://schemas.openxmlformats.org/officeDocument/2006/relationships/notesMaster"/></Relationships>
</file>

<file path=ppt/notesSlides/_rels/notesSlide15.xml.rels><?xml version="1.0" encoding="utf-8"?>
<Relationships xmlns="http://schemas.openxmlformats.org/package/2006/relationships"><Relationship Id="rId2" Target="../slides/slide15.xml" Type="http://schemas.openxmlformats.org/officeDocument/2006/relationships/slide"/><Relationship Id="rId1" Target="../notesMasters/notesMaster1.xml" Type="http://schemas.openxmlformats.org/officeDocument/2006/relationships/notesMaster"/></Relationships>
</file>

<file path=ppt/notesSlides/_rels/notesSlide16.xml.rels><?xml version="1.0" encoding="utf-8"?>
<Relationships xmlns="http://schemas.openxmlformats.org/package/2006/relationships"><Relationship Id="rId2" Target="../slides/slide16.xml" Type="http://schemas.openxmlformats.org/officeDocument/2006/relationships/slide"/><Relationship Id="rId1" Target="../notesMasters/notesMaster1.xml" Type="http://schemas.openxmlformats.org/officeDocument/2006/relationships/notesMaster"/></Relationships>
</file>

<file path=ppt/notesSlides/_rels/notesSlide17.xml.rels><?xml version="1.0" encoding="utf-8"?>
<Relationships xmlns="http://schemas.openxmlformats.org/package/2006/relationships"><Relationship Id="rId2" Target="../slides/slide17.xml" Type="http://schemas.openxmlformats.org/officeDocument/2006/relationships/slide"/><Relationship Id="rId1" Target="../notesMasters/notesMaster1.xml" Type="http://schemas.openxmlformats.org/officeDocument/2006/relationships/notesMaster"/></Relationships>
</file>

<file path=ppt/notesSlides/_rels/notesSlide18.xml.rels><?xml version="1.0" encoding="utf-8"?>
<Relationships xmlns="http://schemas.openxmlformats.org/package/2006/relationships"><Relationship Id="rId2" Target="../slides/slide18.xml" Type="http://schemas.openxmlformats.org/officeDocument/2006/relationships/slide"/><Relationship Id="rId1" Target="../notesMasters/notesMaster1.xml" Type="http://schemas.openxmlformats.org/officeDocument/2006/relationships/notesMaster"/></Relationships>
</file>

<file path=ppt/notesSlides/_rels/notesSlide19.xml.rels><?xml version="1.0" encoding="utf-8"?>
<Relationships xmlns="http://schemas.openxmlformats.org/package/2006/relationships"><Relationship Id="rId2" Target="../slides/slide19.xml" Type="http://schemas.openxmlformats.org/officeDocument/2006/relationships/slide"/><Relationship Id="rId1" Target="../notesMasters/notesMaster1.xml" Type="http://schemas.openxmlformats.org/officeDocument/2006/relationships/notesMaster"/></Relationships>
</file>

<file path=ppt/notesSlides/_rels/notesSlide2.xml.rels><?xml version="1.0" encoding="utf-8"?>
<Relationships xmlns="http://schemas.openxmlformats.org/package/2006/relationships"><Relationship Id="rId2" Target="../slides/slide2.xml" Type="http://schemas.openxmlformats.org/officeDocument/2006/relationships/slide"/><Relationship Id="rId1" Target="../notesMasters/notesMaster1.xml" Type="http://schemas.openxmlformats.org/officeDocument/2006/relationships/notesMaster"/></Relationships>
</file>

<file path=ppt/notesSlides/_rels/notesSlide20.xml.rels><?xml version="1.0" encoding="utf-8"?>
<Relationships xmlns="http://schemas.openxmlformats.org/package/2006/relationships"><Relationship Id="rId2" Target="../slides/slide20.xml" Type="http://schemas.openxmlformats.org/officeDocument/2006/relationships/slide"/><Relationship Id="rId1" Target="../notesMasters/notesMaster1.xml" Type="http://schemas.openxmlformats.org/officeDocument/2006/relationships/notesMaster"/></Relationships>
</file>

<file path=ppt/notesSlides/_rels/notesSlide21.xml.rels><?xml version="1.0" encoding="utf-8"?>
<Relationships xmlns="http://schemas.openxmlformats.org/package/2006/relationships"><Relationship Id="rId2" Target="../slides/slide21.xml" Type="http://schemas.openxmlformats.org/officeDocument/2006/relationships/slide"/><Relationship Id="rId1" Target="../notesMasters/notesMaster1.xml" Type="http://schemas.openxmlformats.org/officeDocument/2006/relationships/notesMaster"/></Relationships>
</file>

<file path=ppt/notesSlides/_rels/notesSlide22.xml.rels><?xml version="1.0" encoding="utf-8"?>
<Relationships xmlns="http://schemas.openxmlformats.org/package/2006/relationships"><Relationship Id="rId2" Target="../slides/slide22.xml" Type="http://schemas.openxmlformats.org/officeDocument/2006/relationships/slide"/><Relationship Id="rId1" Target="../notesMasters/notesMaster1.xml" Type="http://schemas.openxmlformats.org/officeDocument/2006/relationships/notesMaster"/></Relationships>
</file>

<file path=ppt/notesSlides/_rels/notesSlide23.xml.rels><?xml version="1.0" encoding="utf-8"?>
<Relationships xmlns="http://schemas.openxmlformats.org/package/2006/relationships"><Relationship Id="rId2" Target="../slides/slide23.xml" Type="http://schemas.openxmlformats.org/officeDocument/2006/relationships/slide"/><Relationship Id="rId1" Target="../notesMasters/notesMaster1.xml" Type="http://schemas.openxmlformats.org/officeDocument/2006/relationships/notesMaster"/></Relationships>
</file>

<file path=ppt/notesSlides/_rels/notesSlide24.xml.rels><?xml version="1.0" encoding="utf-8"?>
<Relationships xmlns="http://schemas.openxmlformats.org/package/2006/relationships"><Relationship Id="rId2" Target="../slides/slide24.xml" Type="http://schemas.openxmlformats.org/officeDocument/2006/relationships/slide"/><Relationship Id="rId1" Target="../notesMasters/notesMaster1.xml" Type="http://schemas.openxmlformats.org/officeDocument/2006/relationships/notesMaster"/></Relationships>
</file>

<file path=ppt/notesSlides/_rels/notesSlide25.xml.rels><?xml version="1.0" encoding="utf-8"?>
<Relationships xmlns="http://schemas.openxmlformats.org/package/2006/relationships"><Relationship Id="rId2" Target="../slides/slide25.xml" Type="http://schemas.openxmlformats.org/officeDocument/2006/relationships/slide"/><Relationship Id="rId1" Target="../notesMasters/notesMaster1.xml" Type="http://schemas.openxmlformats.org/officeDocument/2006/relationships/notesMaster"/></Relationships>
</file>

<file path=ppt/notesSlides/_rels/notesSlide26.xml.rels><?xml version="1.0" encoding="utf-8"?>
<Relationships xmlns="http://schemas.openxmlformats.org/package/2006/relationships"><Relationship Id="rId2" Target="../slides/slide26.xml" Type="http://schemas.openxmlformats.org/officeDocument/2006/relationships/slide"/><Relationship Id="rId1" Target="../notesMasters/notesMaster1.xml" Type="http://schemas.openxmlformats.org/officeDocument/2006/relationships/notesMaster"/></Relationships>
</file>

<file path=ppt/notesSlides/_rels/notesSlide27.xml.rels><?xml version="1.0" encoding="utf-8"?>
<Relationships xmlns="http://schemas.openxmlformats.org/package/2006/relationships"><Relationship Id="rId2" Target="../slides/slide27.xml" Type="http://schemas.openxmlformats.org/officeDocument/2006/relationships/slide"/><Relationship Id="rId1" Target="../notesMasters/notesMaster1.xml" Type="http://schemas.openxmlformats.org/officeDocument/2006/relationships/notesMaster"/></Relationships>
</file>

<file path=ppt/notesSlides/_rels/notesSlide28.xml.rels><?xml version="1.0" encoding="utf-8"?>
<Relationships xmlns="http://schemas.openxmlformats.org/package/2006/relationships"><Relationship Id="rId2" Target="../slides/slide28.xml" Type="http://schemas.openxmlformats.org/officeDocument/2006/relationships/slide"/><Relationship Id="rId1" Target="../notesMasters/notesMaster1.xml" Type="http://schemas.openxmlformats.org/officeDocument/2006/relationships/notesMaster"/></Relationships>
</file>

<file path=ppt/notesSlides/_rels/notesSlide29.xml.rels><?xml version="1.0" encoding="utf-8"?>
<Relationships xmlns="http://schemas.openxmlformats.org/package/2006/relationships"><Relationship Id="rId2" Target="../slides/slide29.xml" Type="http://schemas.openxmlformats.org/officeDocument/2006/relationships/slide"/><Relationship Id="rId1" Target="../notesMasters/notesMaster1.xml" Type="http://schemas.openxmlformats.org/officeDocument/2006/relationships/notesMaster"/></Relationships>
</file>

<file path=ppt/notesSlides/_rels/notesSlide3.xml.rels><?xml version="1.0" encoding="utf-8"?>
<Relationships xmlns="http://schemas.openxmlformats.org/package/2006/relationships"><Relationship Id="rId2" Target="../slides/slide3.xml" Type="http://schemas.openxmlformats.org/officeDocument/2006/relationships/slide"/><Relationship Id="rId1" Target="../notesMasters/notesMaster1.xml" Type="http://schemas.openxmlformats.org/officeDocument/2006/relationships/notesMaster"/></Relationships>
</file>

<file path=ppt/notesSlides/_rels/notesSlide30.xml.rels><?xml version="1.0" encoding="utf-8"?>
<Relationships xmlns="http://schemas.openxmlformats.org/package/2006/relationships"><Relationship Id="rId2" Target="../slides/slide30.xml" Type="http://schemas.openxmlformats.org/officeDocument/2006/relationships/slide"/><Relationship Id="rId1" Target="../notesMasters/notesMaster1.xml" Type="http://schemas.openxmlformats.org/officeDocument/2006/relationships/notesMaster"/></Relationships>
</file>

<file path=ppt/notesSlides/_rels/notesSlide31.xml.rels><?xml version="1.0" encoding="utf-8"?>
<Relationships xmlns="http://schemas.openxmlformats.org/package/2006/relationships"><Relationship Id="rId2" Target="../slides/slide31.xml" Type="http://schemas.openxmlformats.org/officeDocument/2006/relationships/slide"/><Relationship Id="rId1" Target="../notesMasters/notesMaster1.xml" Type="http://schemas.openxmlformats.org/officeDocument/2006/relationships/notesMaster"/></Relationships>
</file>

<file path=ppt/notesSlides/_rels/notesSlide4.xml.rels><?xml version="1.0" encoding="utf-8"?>
<Relationships xmlns="http://schemas.openxmlformats.org/package/2006/relationships"><Relationship Id="rId2" Target="../slides/slide4.xml" Type="http://schemas.openxmlformats.org/officeDocument/2006/relationships/slide"/><Relationship Id="rId1" Target="../notesMasters/notesMaster1.xml" Type="http://schemas.openxmlformats.org/officeDocument/2006/relationships/notesMaster"/></Relationships>
</file>

<file path=ppt/notesSlides/_rels/notesSlide5.xml.rels><?xml version="1.0" encoding="utf-8"?>
<Relationships xmlns="http://schemas.openxmlformats.org/package/2006/relationships"><Relationship Id="rId2" Target="../slides/slide5.xml" Type="http://schemas.openxmlformats.org/officeDocument/2006/relationships/slide"/><Relationship Id="rId1" Target="../notesMasters/notesMaster1.xml" Type="http://schemas.openxmlformats.org/officeDocument/2006/relationships/notesMaster"/></Relationships>
</file>

<file path=ppt/notesSlides/_rels/notesSlide6.xml.rels><?xml version="1.0" encoding="utf-8"?>
<Relationships xmlns="http://schemas.openxmlformats.org/package/2006/relationships"><Relationship Id="rId2" Target="../slides/slide6.xml" Type="http://schemas.openxmlformats.org/officeDocument/2006/relationships/slide"/><Relationship Id="rId1" Target="../notesMasters/notesMaster1.xml" Type="http://schemas.openxmlformats.org/officeDocument/2006/relationships/notesMaster"/></Relationships>
</file>

<file path=ppt/notesSlides/_rels/notesSlide7.xml.rels><?xml version="1.0" encoding="utf-8"?>
<Relationships xmlns="http://schemas.openxmlformats.org/package/2006/relationships"><Relationship Id="rId2" Target="../slides/slide7.xml" Type="http://schemas.openxmlformats.org/officeDocument/2006/relationships/slide"/><Relationship Id="rId1" Target="../notesMasters/notesMaster1.xml" Type="http://schemas.openxmlformats.org/officeDocument/2006/relationships/notesMaster"/></Relationships>
</file>

<file path=ppt/notesSlides/_rels/notesSlide8.xml.rels><?xml version="1.0" encoding="utf-8"?>
<Relationships xmlns="http://schemas.openxmlformats.org/package/2006/relationships"><Relationship Id="rId2" Target="../slides/slide8.xml" Type="http://schemas.openxmlformats.org/officeDocument/2006/relationships/slide"/><Relationship Id="rId1" Target="../notesMasters/notesMaster1.xml" Type="http://schemas.openxmlformats.org/officeDocument/2006/relationships/notesMaster"/></Relationships>
</file>

<file path=ppt/notesSlides/_rels/notesSlide9.xml.rels><?xml version="1.0" encoding="utf-8"?>
<Relationships xmlns="http://schemas.openxmlformats.org/package/2006/relationships"><Relationship Id="rId2" Target="../slides/slide9.xml" Type="http://schemas.openxmlformats.org/officeDocument/2006/relationships/slide"/><Relationship Id="rId1" Target="../notesMasters/notesMaster1.xml" Type="http://schemas.openxmlformats.org/officeDocument/2006/relationships/notesMaster"/></Relationships>
</file>

<file path=ppt/notesSlides/notesSlide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1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00f891dea137ce6d72263c600c2d8f6">
            <a:pPr rtl="0"/>
            <a:r>
              <a:rPr b="0" dirty="0" lang="en-US">
                <a:effectLst/>
              </a:rPr>
              <a:t>Par exemple, dans l'application Saisie de Données, un utilisateur ne peut saisir des données que pour l'unité d'organisation à laquelle il est associé et pour les unités d'organisation inférieures à celle-ci dans la hiérarchie.</a:t>
            </a:r>
          </a:p>
        </p:txBody>
      </p:sp>
    </p:spTree>
    <p:extLst>
      <p:ext uri="{BB962C8B-B14F-4D97-AF65-F5344CB8AC3E}">
        <p14:creationId xmlns:p14="http://schemas.microsoft.com/office/powerpoint/2010/main" val="764277331"/>
      </p:ext>
    </p:extLst>
  </p:cSld>
  <p:clrMapOvr>
    <a:masterClrMapping/>
  </p:clrMapOvr>
</p:notes>
</file>

<file path=ppt/notesSlides/notesSlide1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716287d41308615e07f54672e41957d">
            <a:pPr rtl="0"/>
            <a:r>
              <a:rPr b="0" dirty="0" lang="en-US">
                <a:effectLst/>
              </a:rPr>
              <a:t>Le troisième niveau, celui du partage, offre un contrôle plus granulaire et limite l'accès des utilisateurs ou groupes d'utilisateurs à des métadonnées et à des données spécifiques dans le système DHIS2. Ces contrôles sont gérés par le biais des paramètres de partage. Examinons les paramètres de partage plus en détail.</a:t>
            </a:r>
          </a:p>
        </p:txBody>
      </p:sp>
    </p:spTree>
    <p:extLst>
      <p:ext uri="{BB962C8B-B14F-4D97-AF65-F5344CB8AC3E}">
        <p14:creationId xmlns:p14="http://schemas.microsoft.com/office/powerpoint/2010/main" val="2537205359"/>
      </p:ext>
    </p:extLst>
  </p:cSld>
  <p:clrMapOvr>
    <a:masterClrMapping/>
  </p:clrMapOvr>
</p:notes>
</file>

<file path=ppt/notesSlides/notesSlide1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0306b257293318c8ddc4cf93d85179e">
            <a:pPr rtl="0"/>
            <a:r>
              <a:rPr dirty="0" lang="en-US">
                <a:solidFill>
                  <a:srgbClr val="000000"/>
                </a:solidFill>
                <a:sym typeface=""/>
              </a:rPr>
              <a:t>Vous pouvez appliquer les paramètres de partage aux métadonnées et aux données. Le partage de métadonnées détermine si un utilisateur ou un groupe d'utilisateurs peut visualiser ou modifier un élément de métadonnées dans le système. Le partage de données détermine si un utilisateur ou un groupe d'utilisateurs peut saisir ou visualiser des données associées à un objet particulier, à la fois dans les applications de saisie et d'analyse des données.</a:t>
            </a:r>
            <a:endParaRPr dirty="0" lang="en-NO">
              <a:solidFill>
                <a:srgbClr val="000000"/>
              </a:solidFill>
              <a:sym typeface=""/>
            </a:endParaRPr>
          </a:p>
        </p:txBody>
      </p:sp>
    </p:spTree>
    <p:extLst>
      <p:ext uri="{BB962C8B-B14F-4D97-AF65-F5344CB8AC3E}">
        <p14:creationId xmlns:p14="http://schemas.microsoft.com/office/powerpoint/2010/main" val="2037624167"/>
      </p:ext>
    </p:extLst>
  </p:cSld>
  <p:clrMapOvr>
    <a:masterClrMapping/>
  </p:clrMapOvr>
</p:notes>
</file>

<file path=ppt/notesSlides/notesSlide1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7ab2950d6641793a07c0b7d7de8011ac">
            <a:pPr rtl="0"/>
            <a:r>
              <a:rPr b="0" dirty="0" lang="en-US">
                <a:effectLst/>
              </a:rPr>
              <a:t>L'application des paramètres de partage de données est une étape obligatoire lors de la configuration d'un ensemble de données dans DHIS2, puisque le paramètre de données par défaut est privé, ce qui signifie que personne ne pourra saisir ou visualiser des données de votre ensemble de données tant que les paramètres de partage n'auront pas été mis à jour.</a:t>
            </a:r>
          </a:p>
        </p:txBody>
      </p:sp>
    </p:spTree>
    <p:extLst>
      <p:ext uri="{BB962C8B-B14F-4D97-AF65-F5344CB8AC3E}">
        <p14:creationId xmlns:p14="http://schemas.microsoft.com/office/powerpoint/2010/main" val="3057783964"/>
      </p:ext>
    </p:extLst>
  </p:cSld>
  <p:clrMapOvr>
    <a:masterClrMapping/>
  </p:clrMapOvr>
</p:notes>
</file>

<file path=ppt/notesSlides/notesSlide1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a1fd1f4874cc85e43bd495bac99ea46">
            <a:r>
              <a:rPr dirty="0" lang="en-US"/>
              <a:t>Les métadonnées et les données ont tous deux des paramètres de partage individuels.</a:t>
            </a:r>
            <a:endParaRPr dirty="0" lang="en-NO"/>
          </a:p>
        </p:txBody>
      </p:sp>
    </p:spTree>
    <p:extLst>
      <p:ext uri="{BB962C8B-B14F-4D97-AF65-F5344CB8AC3E}">
        <p14:creationId xmlns:p14="http://schemas.microsoft.com/office/powerpoint/2010/main" val="3924854395"/>
      </p:ext>
    </p:extLst>
  </p:cSld>
  <p:clrMapOvr>
    <a:masterClrMapping/>
  </p:clrMapOvr>
</p:notes>
</file>

<file path=ppt/notesSlides/notesSlide1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174e1f46a8ab8a2fa6d2d7e91ef36ad">
            <a:pPr rtl="0"/>
            <a:r>
              <a:rPr b="0" i="0" kern="1200" lang="en-US" strike="noStrike" sz="1400" u="none">
                <a:solidFill>
                  <a:schemeClr val="tx1"/>
                </a:solidFill>
                <a:effectLst/>
                <a:latin charset="0" panose="020F0502020204030203" pitchFamily="34" typeface="Lato"/>
                <a:ea typeface="+mn-ea"/>
                <a:cs typeface="+mn-cs"/>
              </a:rPr>
              <a:t>Le partage des métadonnées comprend trois niveaux d'accès :</a:t>
            </a:r>
            <a:r>
              <a:rPr b="0" dirty="0" i="0" kern="1200" lang="en-US" strike="noStrike" sz="1400" u="none">
                <a:solidFill>
                  <a:schemeClr val="tx1"/>
                </a:solidFill>
                <a:effectLst/>
                <a:latin charset="0" panose="020F0502020204030203" pitchFamily="34" typeface="Lato"/>
                <a:ea typeface="+mn-ea"/>
                <a:cs typeface="+mn-cs"/>
              </a:rPr>
            </a:r>
            <a:r>
              <a:rPr b="0" i="0" kern="1200" lang="en-US" strike="noStrike" sz="1400" u="none">
                <a:solidFill>
                  <a:schemeClr val="tx1"/>
                </a:solidFill>
                <a:effectLst/>
                <a:latin charset="0" panose="020F0502020204030203" pitchFamily="34" typeface="Lato"/>
                <a:ea typeface="+mn-ea"/>
                <a:cs typeface="+mn-cs"/>
              </a:rPr>
            </a:r>
            <a:r>
              <a:rPr b="0" dirty="0" i="0" kern="1200" lang="en-US" strike="noStrike" sz="1400" u="none">
                <a:solidFill>
                  <a:schemeClr val="tx1"/>
                </a:solidFill>
                <a:effectLst/>
                <a:latin charset="0" panose="020F0502020204030203" pitchFamily="34" typeface="Lato"/>
                <a:ea typeface="+mn-ea"/>
                <a:cs typeface="+mn-cs"/>
              </a:rPr>
            </a:r>
            <a:endParaRPr b="0" dirty="0" lang="en-US">
              <a:effectLst/>
            </a:endParaRPr>
          </a:p>
          <a:p>
            <a:pPr fontAlgn="base" rtl="0"/>
            <a:br>
              <a:rPr b="0" lang="en-US">
                <a:effectLst/>
              </a:rPr>
            </a:br>
            <a:endParaRPr dirty="0" lang="en-NO"/>
          </a:p>
        </p:txBody>
      </p:sp>
    </p:spTree>
    <p:extLst>
      <p:ext uri="{BB962C8B-B14F-4D97-AF65-F5344CB8AC3E}">
        <p14:creationId xmlns:p14="http://schemas.microsoft.com/office/powerpoint/2010/main" val="518836455"/>
      </p:ext>
    </p:extLst>
  </p:cSld>
  <p:clrMapOvr>
    <a:masterClrMapping/>
  </p:clrMapOvr>
</p:notes>
</file>

<file path=ppt/notesSlides/notesSlide1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3d9c23d19adabe63f9a1eeccc100ac37">
            <a:r>
              <a:rPr dirty="0" lang="en-US">
                <a:solidFill>
                  <a:srgbClr val="000000"/>
                </a:solidFill>
                <a:sym typeface=""/>
              </a:rPr>
              <a:t>Le premier niveau d'accès est "Pas d'accès". Cela signifie que les utilisateurs ne peuvent voir aucun objet. Il est appliqué via l'accès public à tout le système plutôt qu'à un utilisateur ou à un groupe d'utilisateurs spécifique ; par exemple, si l'on veut désactiver l'accès public à certaines métadonnées.</a:t>
            </a:r>
            <a:endParaRPr dirty="0" lang="en-NO">
              <a:solidFill>
                <a:srgbClr val="000000"/>
              </a:solidFill>
              <a:sym typeface=""/>
            </a:endParaRPr>
          </a:p>
        </p:txBody>
      </p:sp>
    </p:spTree>
    <p:extLst>
      <p:ext uri="{BB962C8B-B14F-4D97-AF65-F5344CB8AC3E}">
        <p14:creationId xmlns:p14="http://schemas.microsoft.com/office/powerpoint/2010/main" val="50224515"/>
      </p:ext>
    </p:extLst>
  </p:cSld>
  <p:clrMapOvr>
    <a:masterClrMapping/>
  </p:clrMapOvr>
</p:notes>
</file>

<file path=ppt/notesSlides/notesSlide1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cad60d0d6b61d86242b527d45e91dbff">
            <a:r>
              <a:rPr dirty="0" lang="en-US">
                <a:solidFill>
                  <a:srgbClr val="000000"/>
                </a:solidFill>
                <a:sym typeface=""/>
              </a:rPr>
              <a:t>Le deuxième niveau d'accès, "Peut modifier et visualiser", permet aux utilisateurs ou aux groupes d'utilisateurs de visualiser et de modifier un objet de métadonnées. Notez que pour modifier l'objet, ils devront également accéder à l'application Maintenance via leur rôle d'utilisateur.</a:t>
            </a:r>
            <a:endParaRPr dirty="0" lang="en-NO">
              <a:solidFill>
                <a:srgbClr val="000000"/>
              </a:solidFill>
              <a:sym typeface=""/>
            </a:endParaRPr>
          </a:p>
        </p:txBody>
      </p:sp>
    </p:spTree>
    <p:extLst>
      <p:ext uri="{BB962C8B-B14F-4D97-AF65-F5344CB8AC3E}">
        <p14:creationId xmlns:p14="http://schemas.microsoft.com/office/powerpoint/2010/main" val="770940058"/>
      </p:ext>
    </p:extLst>
  </p:cSld>
  <p:clrMapOvr>
    <a:masterClrMapping/>
  </p:clrMapOvr>
</p:notes>
</file>

<file path=ppt/notesSlides/notesSlide1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b659a197c41fe99a53fe7ecd44e3f09d">
            <a:r>
              <a:rPr dirty="0" lang="en-US">
                <a:solidFill>
                  <a:srgbClr val="000000"/>
                </a:solidFill>
                <a:sym typeface=""/>
              </a:rPr>
              <a:t>Le troisième niveau d'accès, "Peut visualiser uniquement", permet aux utilisateurs ou aux groupes d'utilisateurs de visualiser un objet de métadonnées dans diverses applications de DHIS2. Leurs rôles d'utilisateur contrôlent les applications auxquelles ils ont accès.</a:t>
            </a:r>
            <a:endParaRPr dirty="0" lang="en-NO">
              <a:solidFill>
                <a:srgbClr val="000000"/>
              </a:solidFill>
              <a:sym typeface=""/>
            </a:endParaRPr>
          </a:p>
        </p:txBody>
      </p:sp>
    </p:spTree>
    <p:extLst>
      <p:ext uri="{BB962C8B-B14F-4D97-AF65-F5344CB8AC3E}">
        <p14:creationId xmlns:p14="http://schemas.microsoft.com/office/powerpoint/2010/main" val="3713423634"/>
      </p:ext>
    </p:extLst>
  </p:cSld>
  <p:clrMapOvr>
    <a:masterClrMapping/>
  </p:clrMapOvr>
</p:notes>
</file>

<file path=ppt/notesSlides/notesSlide1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1252fc4978c9f46236b73ff61ca988a">
            <a:pPr fontAlgn="base" rtl="0"/>
            <a:r>
              <a:rPr b="0" dirty="0" lang="en-US">
                <a:effectLst/>
              </a:rPr>
              <a:t>Le partage de données comporte également trois niveaux d'accès.</a:t>
            </a:r>
            <a:br>
              <a:rPr b="0" dirty="0" lang="en-US">
                <a:effectLst/>
              </a:rPr>
            </a:br>
            <a:endParaRPr dirty="0" lang="en-NO"/>
          </a:p>
        </p:txBody>
      </p:sp>
    </p:spTree>
    <p:extLst>
      <p:ext uri="{BB962C8B-B14F-4D97-AF65-F5344CB8AC3E}">
        <p14:creationId xmlns:p14="http://schemas.microsoft.com/office/powerpoint/2010/main" val="2085789455"/>
      </p:ext>
    </p:extLst>
  </p:cSld>
  <p:clrMapOvr>
    <a:masterClrMapping/>
  </p:clrMapOvr>
</p:notes>
</file>

<file path=ppt/notesSlides/notesSlide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6b972da13466872c2312b46ebe61148">
            <a:pPr rtl="0"/>
            <a:r>
              <a:rPr dirty="0" lang="en-US">
                <a:solidFill>
                  <a:srgbClr val="000000"/>
                </a:solidFill>
                <a:sym typeface=""/>
              </a:rPr>
              <a:t>Dans DHIS2, le concept de partage est associé au contrôle d'accès.</a:t>
            </a:r>
          </a:p>
        </p:txBody>
      </p:sp>
    </p:spTree>
    <p:extLst>
      <p:ext uri="{BB962C8B-B14F-4D97-AF65-F5344CB8AC3E}">
        <p14:creationId xmlns:p14="http://schemas.microsoft.com/office/powerpoint/2010/main" val="1404448195"/>
      </p:ext>
    </p:extLst>
  </p:cSld>
  <p:clrMapOvr>
    <a:masterClrMapping/>
  </p:clrMapOvr>
</p:notes>
</file>

<file path=ppt/notesSlides/notesSlide2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392ab47c00547030684c24f0ff0d3b9">
            <a:r>
              <a:rPr dirty="0" lang="en-US">
                <a:solidFill>
                  <a:srgbClr val="000000"/>
                </a:solidFill>
                <a:sym typeface=""/>
              </a:rPr>
              <a:t>Le premier niveau d'accès est "Pas d'accès". Cela signifie que l'utilisateur ou le groupe d'utilisateurs ne sera pas autorisé à accéder aux données de l'objet de métadonnées sélectionné. Par exemple, pas d'accès pour visualiser les données d'un ensemble de données particulier.</a:t>
            </a:r>
            <a:endParaRPr dirty="0" lang="en-NO">
              <a:solidFill>
                <a:srgbClr val="000000"/>
              </a:solidFill>
              <a:sym typeface=""/>
            </a:endParaRPr>
          </a:p>
        </p:txBody>
      </p:sp>
    </p:spTree>
    <p:extLst>
      <p:ext uri="{BB962C8B-B14F-4D97-AF65-F5344CB8AC3E}">
        <p14:creationId xmlns:p14="http://schemas.microsoft.com/office/powerpoint/2010/main" val="2640939284"/>
      </p:ext>
    </p:extLst>
  </p:cSld>
  <p:clrMapOvr>
    <a:masterClrMapping/>
  </p:clrMapOvr>
</p:notes>
</file>

<file path=ppt/notesSlides/notesSlide2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49f338a319f03fc390995c25d5298d6">
            <a:r>
              <a:rPr dirty="0" lang="en-US">
                <a:solidFill>
                  <a:srgbClr val="000000"/>
                </a:solidFill>
                <a:sym typeface=""/>
              </a:rPr>
              <a:t>Le deuxième niveau d'accès est "Peut saisir et visualiser". Il permet à un utilisateur ou à un groupe d'utilisateurs de saisir et de visualiser des données associées aux métadonnées sélectionnées. Pour saisir des données, ils devront également accéder à l'application Saisie de données via leur rôle d'utilisateur.</a:t>
            </a:r>
            <a:endParaRPr dirty="0" lang="en-NO">
              <a:solidFill>
                <a:srgbClr val="000000"/>
              </a:solidFill>
              <a:sym typeface=""/>
            </a:endParaRPr>
          </a:p>
        </p:txBody>
      </p:sp>
    </p:spTree>
    <p:extLst>
      <p:ext uri="{BB962C8B-B14F-4D97-AF65-F5344CB8AC3E}">
        <p14:creationId xmlns:p14="http://schemas.microsoft.com/office/powerpoint/2010/main" val="3645230786"/>
      </p:ext>
    </p:extLst>
  </p:cSld>
  <p:clrMapOvr>
    <a:masterClrMapping/>
  </p:clrMapOvr>
</p:notes>
</file>

<file path=ppt/notesSlides/notesSlide22.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ae73a51328776b22e58c6cf1f4b6f05b">
            <a:r>
              <a:rPr dirty="0" lang="en-US">
                <a:solidFill>
                  <a:srgbClr val="000000"/>
                </a:solidFill>
                <a:sym typeface=""/>
              </a:rPr>
              <a:t>Enfin, le troisième niveau d'accès est "Peut visualiser uniquement". Il permet à un utilisateur de ne visualiser que les données associées aux métadonnées sélectionnées. Pour les données agrégées, cela signifie qu'il ne pourra visualiser que les données associées dans les applications d'analyse, telles que le Visualiseur de données et les cartes, et qu'il ne pourra pas ouvrir les ensembles de données dans l'application Saisie, même à des fin de visualisation.</a:t>
            </a:r>
          </a:p>
          <a:p>
            <a:endParaRPr dirty="0" lang="en-NO">
              <a:solidFill>
                <a:srgbClr val="000000"/>
              </a:solidFill>
              <a:sym typeface=""/>
            </a:endParaRPr>
          </a:p>
        </p:txBody>
      </p:sp>
    </p:spTree>
    <p:extLst>
      <p:ext uri="{BB962C8B-B14F-4D97-AF65-F5344CB8AC3E}">
        <p14:creationId xmlns:p14="http://schemas.microsoft.com/office/powerpoint/2010/main" val="4252897439"/>
      </p:ext>
    </p:extLst>
  </p:cSld>
  <p:clrMapOvr>
    <a:masterClrMapping/>
  </p:clrMapOvr>
</p:notes>
</file>

<file path=ppt/notesSlides/notesSlide2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a45e6d7f18d25d8203b763a1295e276">
            <a:pPr rtl="0"/>
            <a:r>
              <a:rPr dirty="0" lang="en-US"/>
              <a:t>Comme vous pouvez le voir ici, les rôles d'utilisateur et les paramètres de partage sont étroitement liés.</a:t>
            </a:r>
            <a:endParaRPr dirty="0" lang="en-NO"/>
          </a:p>
        </p:txBody>
      </p:sp>
    </p:spTree>
    <p:extLst>
      <p:ext uri="{BB962C8B-B14F-4D97-AF65-F5344CB8AC3E}">
        <p14:creationId xmlns:p14="http://schemas.microsoft.com/office/powerpoint/2010/main" val="1803414248"/>
      </p:ext>
    </p:extLst>
  </p:cSld>
  <p:clrMapOvr>
    <a:masterClrMapping/>
  </p:clrMapOvr>
</p:notes>
</file>

<file path=ppt/notesSlides/notesSlide2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98c1959e700c01d9cec74f6ea3b8e2d5">
            <a:r>
              <a:rPr dirty="0" lang="en-US"/>
              <a:t>Si vous souhaitez accorder à un utilisateur le droit de modifier certains éléments de données, vous devez vous assurer que son rôle d'utilisateur lui permet d'accéder à l'application Maintenance.</a:t>
            </a:r>
            <a:br>
              <a:rPr dirty="0" lang="en-US"/>
            </a:br>
            <a:endParaRPr dirty="0" lang="en-NO"/>
          </a:p>
        </p:txBody>
      </p:sp>
    </p:spTree>
    <p:extLst>
      <p:ext uri="{BB962C8B-B14F-4D97-AF65-F5344CB8AC3E}">
        <p14:creationId xmlns:p14="http://schemas.microsoft.com/office/powerpoint/2010/main" val="3712891246"/>
      </p:ext>
    </p:extLst>
  </p:cSld>
  <p:clrMapOvr>
    <a:masterClrMapping/>
  </p:clrMapOvr>
</p:notes>
</file>

<file path=ppt/notesSlides/notesSlide2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b17740585aabd3a3ba08dbcc73241be">
            <a:r>
              <a:rPr dirty="0" lang="en-US"/>
              <a:t>À titre d'exemple, pour pouvoir modifier un élément de données, les éléments de données concernés doivent être partagés avec l'utilisateur via le paramètre de partage " Peut modifier et visualiser ", et son rôle d'utilisateur doit lui permettre d'accéder à l'application Maintenance.</a:t>
            </a:r>
            <a:br>
              <a:rPr dirty="0" lang="en-US"/>
            </a:br>
            <a:endParaRPr dirty="0" lang="en-NO"/>
          </a:p>
        </p:txBody>
      </p:sp>
    </p:spTree>
    <p:extLst>
      <p:ext uri="{BB962C8B-B14F-4D97-AF65-F5344CB8AC3E}">
        <p14:creationId xmlns:p14="http://schemas.microsoft.com/office/powerpoint/2010/main" val="3359654102"/>
      </p:ext>
    </p:extLst>
  </p:cSld>
  <p:clrMapOvr>
    <a:masterClrMapping/>
  </p:clrMapOvr>
</p:notes>
</file>

<file path=ppt/notesSlides/notesSlide2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dea09494f35631a389357ded0b758895">
            <a:pPr rtl="0"/>
            <a:r>
              <a:rPr dirty="0" lang="en-US"/>
              <a:t>Focalisons-nous maintenant sur l'aspect "partage des données". Dans les systèmes agrégés, le partage des données est contrôlé par des options de catégorie et des ensembles de données.</a:t>
            </a:r>
            <a:endParaRPr dirty="0" lang="en-NO"/>
          </a:p>
        </p:txBody>
      </p:sp>
    </p:spTree>
    <p:extLst>
      <p:ext uri="{BB962C8B-B14F-4D97-AF65-F5344CB8AC3E}">
        <p14:creationId xmlns:p14="http://schemas.microsoft.com/office/powerpoint/2010/main" val="867383606"/>
      </p:ext>
    </p:extLst>
  </p:cSld>
  <p:clrMapOvr>
    <a:masterClrMapping/>
  </p:clrMapOvr>
</p:notes>
</file>

<file path=ppt/notesSlides/notesSlide2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cbfff2e776651748cd7ecfe4bfdcaca">
            <a:pPr rtl="0"/>
            <a:r>
              <a:rPr b="0" dirty="0" lang="en-US">
                <a:effectLst/>
              </a:rPr>
              <a:t>Par exemple, si un utilisateur doit saisir des données pour l'ensemble de données RMNCAH, il doit avoir accès à l'application Saisie de données via son rôle d'utilisateur. Il doit également avoir accès aux unités d'organisation spécifiques pour lesquelles il doit saisir des données. Les paramètres de partage doivent être mis à jour afin de permettre le partage des données, à la fois pour les options de catégorie RMNCAH et pour l'ensemble de données lui-même.</a:t>
            </a:r>
            <a:br>
              <a:rPr b="0" dirty="0" lang="en-US">
                <a:effectLst/>
              </a:rPr>
            </a:br>
            <a:br>
              <a:rPr b="0" dirty="0" lang="en-US">
                <a:effectLst/>
              </a:rPr>
            </a:br>
            <a:endParaRPr dirty="0" lang="en-NO"/>
          </a:p>
        </p:txBody>
      </p:sp>
    </p:spTree>
    <p:extLst>
      <p:ext uri="{BB962C8B-B14F-4D97-AF65-F5344CB8AC3E}">
        <p14:creationId xmlns:p14="http://schemas.microsoft.com/office/powerpoint/2010/main" val="1883230785"/>
      </p:ext>
    </p:extLst>
  </p:cSld>
  <p:clrMapOvr>
    <a:masterClrMapping/>
  </p:clrMapOvr>
</p:notes>
</file>

<file path=ppt/notesSlides/notesSlide2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62d675fad0be28ae5d99122f8664374">
            <a:pPr rtl="0"/>
            <a:r>
              <a:rPr dirty="0" lang="en-US"/>
              <a:t>Voyons à quoi cela ressemble dans DHIS2. Les paramètres de partage sont appliqués aux métadonnées dans l'application Maintenance.</a:t>
            </a:r>
          </a:p>
          <a:p>
            <a:pPr rtl="0"/>
            <a:endParaRPr dirty="0" lang="en-US"/>
          </a:p>
          <a:p txid="6328fac0cc25c4b732a09870628e0774">
            <a:pPr rtl="0"/>
            <a:r>
              <a:rPr dirty="0" lang="en-US"/>
              <a:t>Toutes les options de catégorie de l'ensemble de données RMNCAH doivent avoir des paramètres de partage configurés de manière à ce que l'utilisateur ou les groupes d'utilisateurs y accèdent et puissent "saisir et visualiser" des données. Le partage de l'ensemble de données pour l'utilisateur ou le groupe d'utilisateurs doit également être défini sur le paramètre " Peut saisir et visualiser".</a:t>
            </a:r>
            <a:endParaRPr dirty="0" lang="en-NO"/>
          </a:p>
        </p:txBody>
      </p:sp>
    </p:spTree>
    <p:extLst>
      <p:ext uri="{BB962C8B-B14F-4D97-AF65-F5344CB8AC3E}">
        <p14:creationId xmlns:p14="http://schemas.microsoft.com/office/powerpoint/2010/main" val="1915733849"/>
      </p:ext>
    </p:extLst>
  </p:cSld>
  <p:clrMapOvr>
    <a:masterClrMapping/>
  </p:clrMapOvr>
</p:notes>
</file>

<file path=ppt/notesSlides/notesSlide2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6fe25ebecae958474442547d2dc85eb">
            <a:r>
              <a:rPr dirty="0" lang="en-US"/>
              <a:t>Configurer ces paramètres de partage pour les options de catégorie et l'ensemble de données permettra aux utilisateurs ou groupes d'utilisateurs désignés, de saisir des données dans l'ensemble de données, pour les unités d'organisation qui leur ont été attribuées. Si l'un de ces paramètres est incorrect, les utilisateurs ne pourront donc pas saisir de données dans le formulaire RMNCAH .</a:t>
            </a:r>
            <a:br>
              <a:rPr dirty="0" lang="en-US"/>
            </a:br>
            <a:endParaRPr dirty="0" lang="en-NO"/>
          </a:p>
        </p:txBody>
      </p:sp>
    </p:spTree>
    <p:extLst>
      <p:ext uri="{BB962C8B-B14F-4D97-AF65-F5344CB8AC3E}">
        <p14:creationId xmlns:p14="http://schemas.microsoft.com/office/powerpoint/2010/main" val="3743997021"/>
      </p:ext>
    </p:extLst>
  </p:cSld>
  <p:clrMapOvr>
    <a:masterClrMapping/>
  </p:clrMapOvr>
</p:notes>
</file>

<file path=ppt/notesSlides/notesSlide3.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261f4e8c39d91cd50bdfd395da6b6884">
            <a:pPr rtl="0"/>
            <a:r>
              <a:rPr dirty="0" lang="en-US"/>
              <a:t>Grâce aux paramètres de partage, vous pouvez contrôler qui peut accéder à certaines données spécifiques ou certains objets de métadonnées tels que des éléments de données, des catégories et des ensembles de données.</a:t>
            </a:r>
            <a:endParaRPr dirty="0" lang="en-NO"/>
          </a:p>
        </p:txBody>
      </p:sp>
    </p:spTree>
    <p:extLst>
      <p:ext uri="{BB962C8B-B14F-4D97-AF65-F5344CB8AC3E}">
        <p14:creationId xmlns:p14="http://schemas.microsoft.com/office/powerpoint/2010/main" val="3092870601"/>
      </p:ext>
    </p:extLst>
  </p:cSld>
  <p:clrMapOvr>
    <a:masterClrMapping/>
  </p:clrMapOvr>
</p:notes>
</file>

<file path=ppt/notesSlides/notesSlide30.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7e8d1647b96ed289c6a663a766ef4b4">
            <a:pPr rtl="0"/>
            <a:r>
              <a:rPr dirty="0" lang="en-US">
                <a:solidFill>
                  <a:srgbClr val="000000"/>
                </a:solidFill>
                <a:sym typeface=""/>
              </a:rPr>
              <a:t>En résumé, les rôles d'utilisateur, l'attribution des unités d'organisation et les paramètres de partage sont les trois niveaux de contrôle d'accès dans DHIS2. Les rôles d'utilisateur contrôlent l'accès des utilisateurs aux applications.</a:t>
            </a:r>
          </a:p>
          <a:p>
            <a:pPr rtl="0"/>
            <a:endParaRPr dirty="0" lang="en-US">
              <a:solidFill>
                <a:srgbClr val="000000"/>
              </a:solidFill>
              <a:sym typeface=""/>
            </a:endParaRPr>
          </a:p>
          <a:p txid="6e71910e5c460419f87263e24e9fcb32">
            <a:pPr rtl="0"/>
            <a:r>
              <a:rPr dirty="0" lang="en-US">
                <a:solidFill>
                  <a:srgbClr val="000000"/>
                </a:solidFill>
                <a:sym typeface=""/>
              </a:rPr>
              <a:t>L'attribution des unités d'organisation contrôle l'accès à la hiérarchie organisationnelle. Enfin, les paramètres de partage contrôlent de façon précise ou granulaire les objets dans DHIS2, ce qui permet à un utilisateur ou un groupe d'utilisateurs spécifique d'accéder à des métadonnées et données spécifiques.</a:t>
            </a:r>
          </a:p>
          <a:p>
            <a:pPr rtl="0"/>
            <a:endParaRPr dirty="0" lang="en-US">
              <a:solidFill>
                <a:srgbClr val="000000"/>
              </a:solidFill>
              <a:sym typeface=""/>
            </a:endParaRPr>
          </a:p>
          <a:p txid="7d68f7614f8106198923c9ebf5e0971a">
            <a:pPr rtl="0"/>
            <a:r>
              <a:rPr dirty="0" lang="en-US">
                <a:solidFill>
                  <a:srgbClr val="000000"/>
                </a:solidFill>
                <a:sym typeface=""/>
              </a:rPr>
              <a:t>Le partage de métadonnées permet aux utilisateurs ou groupes d'utilisateurs de visualiser et de modifier les métadonnées. Le partage de données détermine l'autorisation qu'ont certains utilisateurs ou groupes d'utilisateurs à saisir et à visualiser des données particulières. Les paramètres de partage doivent être pris en compte lors de la configuration de tout ensemble de données dans DHIS2.</a:t>
            </a:r>
          </a:p>
          <a:p>
            <a:pPr rtl="0"/>
            <a:endParaRPr dirty="0" lang="en-US">
              <a:solidFill>
                <a:srgbClr val="000000"/>
              </a:solidFill>
              <a:sym typeface=""/>
            </a:endParaRPr>
          </a:p>
          <a:p txid="2005ae9878781fe6703262e1b9d2e193">
            <a:pPr rtl="0"/>
            <a:r>
              <a:rPr lang="en-US">
                <a:solidFill>
                  <a:srgbClr val="000000"/>
                </a:solidFill>
                <a:sym typeface=""/>
              </a:rPr>
              <a:t>S'ils ne sont pas bien configurés, les utilisateurs peuvent avoir du mal à accéder à l'ensemble de données et visualiser ou saisir des données.</a:t>
            </a:r>
            <a:endParaRPr dirty="0" lang="en-NO">
              <a:solidFill>
                <a:srgbClr val="000000"/>
              </a:solidFill>
              <a:sym typeface=""/>
            </a:endParaRPr>
          </a:p>
        </p:txBody>
      </p:sp>
    </p:spTree>
    <p:extLst>
      <p:ext uri="{BB962C8B-B14F-4D97-AF65-F5344CB8AC3E}">
        <p14:creationId xmlns:p14="http://schemas.microsoft.com/office/powerpoint/2010/main" val="2884204571"/>
      </p:ext>
    </p:extLst>
  </p:cSld>
  <p:clrMapOvr>
    <a:masterClrMapping/>
  </p:clrMapOvr>
</p:notes>
</file>

<file path=ppt/notesSlides/notesSlide31.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50813" y="481013"/>
            <a:ext cx="7326312" cy="4121150"/>
          </a:xfrm>
        </p:spPr>
      </p:sp>
      <p:sp>
        <p:nvSpPr>
          <p:cNvPr id="3" name="Notes Placeholder 2"/>
          <p:cNvSpPr>
            <a:spLocks noGrp="1"/>
          </p:cNvSpPr>
          <p:nvPr>
            <p:ph idx="1" type="body"/>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notesSlides/notesSlide4.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59e904a32d2413cf6a3399cb3b46290c">
            <a:r>
              <a:rPr dirty="0" lang="en-US"/>
              <a:t>En combinant les rôles d'utilisateur et les configurations des unités d'organisation, l'on obtient un contrôle granulaire sur l'accès des utilisateurs aux systèmes DHIS2.</a:t>
            </a:r>
            <a:br>
              <a:rPr dirty="0" lang="en-US"/>
            </a:br>
            <a:endParaRPr dirty="0" lang="en-NO"/>
          </a:p>
        </p:txBody>
      </p:sp>
    </p:spTree>
    <p:extLst>
      <p:ext uri="{BB962C8B-B14F-4D97-AF65-F5344CB8AC3E}">
        <p14:creationId xmlns:p14="http://schemas.microsoft.com/office/powerpoint/2010/main" val="302242813"/>
      </p:ext>
    </p:extLst>
  </p:cSld>
  <p:clrMapOvr>
    <a:masterClrMapping/>
  </p:clrMapOvr>
</p:notes>
</file>

<file path=ppt/notesSlides/notesSlide5.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02f47c4dffdcd58526f5a1380313a5d3">
            <a:r>
              <a:rPr dirty="0" lang="en-US"/>
              <a:t>Dans cette vidéo, vous apprendrez à gérer les paramètres de partage dans DHIS2. Vous verrez plus précisement comment vous pouvez autoriser différents utilisateurs et groupes d'utilisateurs à accéder aux métadonnées et aux données de votre système.</a:t>
            </a:r>
            <a:br>
              <a:rPr dirty="0" lang="en-US"/>
            </a:br>
            <a:endParaRPr dirty="0" lang="en-NO"/>
          </a:p>
        </p:txBody>
      </p:sp>
    </p:spTree>
    <p:extLst>
      <p:ext uri="{BB962C8B-B14F-4D97-AF65-F5344CB8AC3E}">
        <p14:creationId xmlns:p14="http://schemas.microsoft.com/office/powerpoint/2010/main" val="1643273501"/>
      </p:ext>
    </p:extLst>
  </p:cSld>
  <p:clrMapOvr>
    <a:masterClrMapping/>
  </p:clrMapOvr>
</p:notes>
</file>

<file path=ppt/notesSlides/notesSlide6.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89281e2ceb5fa4e38162e338a55f5cd3">
            <a:pPr rtl="0"/>
            <a:r>
              <a:rPr dirty="0" lang="en-US"/>
              <a:t>Un bon usage du contrôle d'accès a des implications, tant pour la sécurité des systèmes que pour la facilité d'utilisation. Du point de vue de la sécurité, limiter l'accès aux données à des utilisateurs ou rôles d'utilisateurs spécifiques contribue à la sécurisation de vos données. En ce qui concerne la facilité d'utilisation, cela permet également aux utilisateurs de naviguer plus facilement dans le système DHIS2, puisqu'ils ne peuvent voir et accéder qu'aux unités d'organisation, aux fonctionnalités et aux données qui les concernent.</a:t>
            </a:r>
            <a:endParaRPr dirty="0" lang="en-NO"/>
          </a:p>
        </p:txBody>
      </p:sp>
    </p:spTree>
    <p:extLst>
      <p:ext uri="{BB962C8B-B14F-4D97-AF65-F5344CB8AC3E}">
        <p14:creationId xmlns:p14="http://schemas.microsoft.com/office/powerpoint/2010/main" val="3120288772"/>
      </p:ext>
    </p:extLst>
  </p:cSld>
  <p:clrMapOvr>
    <a:masterClrMapping/>
  </p:clrMapOvr>
</p:notes>
</file>

<file path=ppt/notesSlides/notesSlide7.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4c6c3820fb97f185a8e69fd070693e34">
            <a:pPr rtl="0"/>
            <a:r>
              <a:rPr b="0" dirty="0" lang="en-US">
                <a:effectLst/>
              </a:rPr>
              <a:t>Les trois niveaux de contrôle d'accès dans les systèmes DHIS2 agrégés sont les rôles d'utilisateur, l'attribution d'unités d'organisation et les paramètres de partage.</a:t>
            </a:r>
            <a:br>
              <a:rPr b="0" dirty="0" lang="en-US">
                <a:effectLst/>
              </a:rPr>
            </a:br>
            <a:endParaRPr dirty="0" lang="en-NO"/>
          </a:p>
        </p:txBody>
      </p:sp>
    </p:spTree>
    <p:extLst>
      <p:ext uri="{BB962C8B-B14F-4D97-AF65-F5344CB8AC3E}">
        <p14:creationId xmlns:p14="http://schemas.microsoft.com/office/powerpoint/2010/main" val="3508293147"/>
      </p:ext>
    </p:extLst>
  </p:cSld>
  <p:clrMapOvr>
    <a:masterClrMapping/>
  </p:clrMapOvr>
</p:notes>
</file>

<file path=ppt/notesSlides/notesSlide8.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1584eee900ff03071b4ec5dd013ef5c">
            <a:pPr rtl="0"/>
            <a:r>
              <a:rPr dirty="0" lang="en-US">
                <a:solidFill>
                  <a:srgbClr val="000000"/>
                </a:solidFill>
                <a:effectLst/>
                <a:sym typeface=""/>
              </a:rPr>
              <a:t>Le premier niveau, à savoir les rôles d'utilisateur, contrôle l'accès aux différentes applications de DHIS2, ainsi que les types d'opérations qu'une catégorie spécifique d'utilisateurs peut effectuer dans ces applications. Les rôles d'utilisateur contrôlent également des fonctions administratives spécifiques au sein de DHIS2. Pour en savoir plus sur les rôles d'utilisateur, veuillez consulter la documentation DHIS2.</a:t>
            </a:r>
          </a:p>
          <a:p>
            <a:pPr rtl="0"/>
            <a:endParaRPr dirty="0" lang="en-NO">
              <a:solidFill>
                <a:srgbClr val="000000"/>
              </a:solidFill>
              <a:sym typeface=""/>
            </a:endParaRPr>
          </a:p>
        </p:txBody>
      </p:sp>
    </p:spTree>
    <p:extLst>
      <p:ext uri="{BB962C8B-B14F-4D97-AF65-F5344CB8AC3E}">
        <p14:creationId xmlns:p14="http://schemas.microsoft.com/office/powerpoint/2010/main" val="3639019947"/>
      </p:ext>
    </p:extLst>
  </p:cSld>
  <p:clrMapOvr>
    <a:masterClrMapping/>
  </p:clrMapOvr>
</p:notes>
</file>

<file path=ppt/notesSlides/notesSlide9.xml><?xml version="1.0" encoding="utf-8"?>
<p:notes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Slide Image Placeholder 1"/>
          <p:cNvSpPr>
            <a:spLocks noChangeAspect="1" noGrp="1" noRot="1"/>
          </p:cNvSpPr>
          <p:nvPr>
            <p:ph type="sldImg"/>
          </p:nvPr>
        </p:nvSpPr>
        <p:spPr>
          <a:xfrm>
            <a:off x="198438" y="477838"/>
            <a:ext cx="7326312" cy="4122737"/>
          </a:xfrm>
        </p:spPr>
      </p:sp>
      <p:sp>
        <p:nvSpPr>
          <p:cNvPr id="3" name="Notes Placeholder 2"/>
          <p:cNvSpPr>
            <a:spLocks noGrp="1"/>
          </p:cNvSpPr>
          <p:nvPr>
            <p:ph idx="1" type="body"/>
          </p:nvPr>
        </p:nvSpPr>
        <p:spPr/>
        <p:txBody>
          <a:bodyPr/>
          <a:lstStyle/>
          <a:p txid="6f3b02f7ecbf26897ef5fca9ea4d1f2e">
            <a:pPr rtl="0"/>
            <a:r>
              <a:rPr dirty="0" lang="en-US">
                <a:solidFill>
                  <a:srgbClr val="000000"/>
                </a:solidFill>
                <a:effectLst/>
                <a:sym typeface=""/>
              </a:rPr>
              <a:t>Le deuxième niveau, l'attribution des unités d'organisation, contrôle l'accès des utilisateurs à la hiérarchie organisationnelle.</a:t>
            </a:r>
          </a:p>
          <a:p>
            <a:pPr rtl="0"/>
            <a:endParaRPr dirty="0" lang="en-NO">
              <a:solidFill>
                <a:srgbClr val="000000"/>
              </a:solidFill>
              <a:sym typeface=""/>
            </a:endParaRPr>
          </a:p>
        </p:txBody>
      </p:sp>
    </p:spTree>
    <p:extLst>
      <p:ext uri="{BB962C8B-B14F-4D97-AF65-F5344CB8AC3E}">
        <p14:creationId xmlns:p14="http://schemas.microsoft.com/office/powerpoint/2010/main" val="2472433130"/>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4.png"/><Relationship Id="rId5" Type="http://schemas.openxmlformats.org/officeDocument/2006/relationships/image" Target="../media/image15.png"/><Relationship Id="rId4" Type="http://schemas.openxmlformats.org/officeDocument/2006/relationships/image" Target="../media/image12.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6.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Master" Target="../slideMasters/slideMaster1.xml"/><Relationship Id="rId5" Type="http://schemas.openxmlformats.org/officeDocument/2006/relationships/image" Target="../media/image20.png"/><Relationship Id="rId4" Type="http://schemas.openxmlformats.org/officeDocument/2006/relationships/image" Target="../media/image19.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8">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Relationships xmlns="http://schemas.openxmlformats.org/package/2006/relationships"><Relationship Id="rId8" Target="../media/image14.png" Type="http://schemas.openxmlformats.org/officeDocument/2006/relationships/image"/><Relationship Id="rId3" Target="../media/media1.mp3" Type="http://schemas.microsoft.com/office/2007/relationships/media"/><Relationship Id="rId7" Target="../media/image13.png" Type="http://schemas.openxmlformats.org/officeDocument/2006/relationships/image"/><Relationship Id="rId2" Target="NULL" TargetMode="External" Type="http://schemas.openxmlformats.org/officeDocument/2006/relationships/audio"/><Relationship Id="rId1" Target="../tags/tag2.xml" Type="http://schemas.openxmlformats.org/officeDocument/2006/relationships/tags"/><Relationship Id="rId6" Target="../media/image12.png" Type="http://schemas.openxmlformats.org/officeDocument/2006/relationships/image"/><Relationship Id="rId5" Target="../notesSlides/notesSlide1.xml" Type="http://schemas.openxmlformats.org/officeDocument/2006/relationships/notesSlide"/><Relationship Id="rId4" Target="../slideLayouts/slideLayout26.xml" Type="http://schemas.openxmlformats.org/officeDocument/2006/relationships/slideLayout"/></Relationships>
</file>

<file path=ppt/slides/_rels/slide10.xml.rels><?xml version="1.0" encoding="utf-8"?>
<Relationships xmlns="http://schemas.openxmlformats.org/package/2006/relationships"><Relationship Id="rId3" Target="../notesSlides/notesSlide10.xml" Type="http://schemas.openxmlformats.org/officeDocument/2006/relationships/notesSlide"/><Relationship Id="rId2" Target="../slideLayouts/slideLayout5.xml" Type="http://schemas.openxmlformats.org/officeDocument/2006/relationships/slideLayout"/><Relationship Id="rId1" Target="../tags/tag11.xml" Type="http://schemas.openxmlformats.org/officeDocument/2006/relationships/tags"/><Relationship Id="rId5" Target="../media/image24.png" Type="http://schemas.openxmlformats.org/officeDocument/2006/relationships/image"/><Relationship Id="rId4" Target="../media/image23.emf" Type="http://schemas.openxmlformats.org/officeDocument/2006/relationships/image"/></Relationships>
</file>

<file path=ppt/slides/_rels/slide11.xml.rels><?xml version="1.0" encoding="utf-8"?>
<Relationships xmlns="http://schemas.openxmlformats.org/package/2006/relationships"><Relationship Id="rId3" Target="../notesSlides/notesSlide11.xml" Type="http://schemas.openxmlformats.org/officeDocument/2006/relationships/notesSlide"/><Relationship Id="rId2" Target="../slideLayouts/slideLayout4.xml" Type="http://schemas.openxmlformats.org/officeDocument/2006/relationships/slideLayout"/><Relationship Id="rId1" Target="../tags/tag12.xml" Type="http://schemas.openxmlformats.org/officeDocument/2006/relationships/tags"/><Relationship Id="rId4" Target="../media/image23.emf" Type="http://schemas.openxmlformats.org/officeDocument/2006/relationships/image"/></Relationships>
</file>

<file path=ppt/slides/_rels/slide12.xml.rels><?xml version="1.0" encoding="utf-8"?>
<Relationships xmlns="http://schemas.openxmlformats.org/package/2006/relationships"><Relationship Id="rId3" Target="../notesSlides/notesSlide12.xml" Type="http://schemas.openxmlformats.org/officeDocument/2006/relationships/notesSlide"/><Relationship Id="rId7" Target="../media/image28.svg" Type="http://schemas.openxmlformats.org/officeDocument/2006/relationships/image"/><Relationship Id="rId2" Target="../slideLayouts/slideLayout4.xml" Type="http://schemas.openxmlformats.org/officeDocument/2006/relationships/slideLayout"/><Relationship Id="rId1" Target="../tags/tag13.xml" Type="http://schemas.openxmlformats.org/officeDocument/2006/relationships/tags"/><Relationship Id="rId6" Target="../media/image27.png" Type="http://schemas.openxmlformats.org/officeDocument/2006/relationships/image"/><Relationship Id="rId5" Target="../media/image26.emf" Type="http://schemas.openxmlformats.org/officeDocument/2006/relationships/image"/><Relationship Id="rId4" Target="../media/image25.emf" Type="http://schemas.openxmlformats.org/officeDocument/2006/relationships/image"/></Relationships>
</file>

<file path=ppt/slides/_rels/slide13.xml.rels><?xml version="1.0" encoding="utf-8"?>
<Relationships xmlns="http://schemas.openxmlformats.org/package/2006/relationships"><Relationship Id="rId8" Target="../media/image31.png" Type="http://schemas.openxmlformats.org/officeDocument/2006/relationships/image"/><Relationship Id="rId3" Target="../notesSlides/notesSlide13.xml" Type="http://schemas.openxmlformats.org/officeDocument/2006/relationships/notesSlide"/><Relationship Id="rId7" Target="../media/image30.svg" Type="http://schemas.openxmlformats.org/officeDocument/2006/relationships/image"/><Relationship Id="rId2" Target="../slideLayouts/slideLayout5.xml" Type="http://schemas.openxmlformats.org/officeDocument/2006/relationships/slideLayout"/><Relationship Id="rId1" Target="../tags/tag14.xml" Type="http://schemas.openxmlformats.org/officeDocument/2006/relationships/tags"/><Relationship Id="rId6" Target="../media/image29.png" Type="http://schemas.openxmlformats.org/officeDocument/2006/relationships/image"/><Relationship Id="rId5" Target="../media/image26.emf" Type="http://schemas.openxmlformats.org/officeDocument/2006/relationships/image"/><Relationship Id="rId4" Target="../media/image25.emf" Type="http://schemas.openxmlformats.org/officeDocument/2006/relationships/image"/><Relationship Id="rId9" Target="../media/image32.svg" Type="http://schemas.openxmlformats.org/officeDocument/2006/relationships/image"/></Relationships>
</file>

<file path=ppt/slides/_rels/slide14.xml.rels><?xml version="1.0" encoding="utf-8"?>
<Relationships xmlns="http://schemas.openxmlformats.org/package/2006/relationships"><Relationship Id="rId3" Target="../notesSlides/notesSlide14.xml" Type="http://schemas.openxmlformats.org/officeDocument/2006/relationships/notesSlide"/><Relationship Id="rId2" Target="../slideLayouts/slideLayout4.xml" Type="http://schemas.openxmlformats.org/officeDocument/2006/relationships/slideLayout"/><Relationship Id="rId1" Target="../tags/tag15.xml" Type="http://schemas.openxmlformats.org/officeDocument/2006/relationships/tags"/></Relationships>
</file>

<file path=ppt/slides/_rels/slide15.xml.rels><?xml version="1.0" encoding="utf-8"?>
<Relationships xmlns="http://schemas.openxmlformats.org/package/2006/relationships"><Relationship Id="rId3" Target="../notesSlides/notesSlide15.xml" Type="http://schemas.openxmlformats.org/officeDocument/2006/relationships/notesSlide"/><Relationship Id="rId2" Target="../slideLayouts/slideLayout4.xml" Type="http://schemas.openxmlformats.org/officeDocument/2006/relationships/slideLayout"/><Relationship Id="rId1" Target="../tags/tag16.xml" Type="http://schemas.openxmlformats.org/officeDocument/2006/relationships/tags"/><Relationship Id="rId6" Target="../media/image34.svg" Type="http://schemas.openxmlformats.org/officeDocument/2006/relationships/image"/><Relationship Id="rId5" Target="../media/image33.png" Type="http://schemas.openxmlformats.org/officeDocument/2006/relationships/image"/><Relationship Id="rId4" Target="../media/image25.emf" Type="http://schemas.openxmlformats.org/officeDocument/2006/relationships/image"/></Relationships>
</file>

<file path=ppt/slides/_rels/slide16.xml.rels><?xml version="1.0" encoding="utf-8"?>
<Relationships xmlns="http://schemas.openxmlformats.org/package/2006/relationships"><Relationship Id="rId3" Target="../notesSlides/notesSlide16.xml" Type="http://schemas.openxmlformats.org/officeDocument/2006/relationships/notesSlide"/><Relationship Id="rId2" Target="../slideLayouts/slideLayout5.xml" Type="http://schemas.openxmlformats.org/officeDocument/2006/relationships/slideLayout"/><Relationship Id="rId1" Target="../tags/tag17.xml" Type="http://schemas.openxmlformats.org/officeDocument/2006/relationships/tags"/><Relationship Id="rId6" Target="../media/image35.svg" Type="http://schemas.openxmlformats.org/officeDocument/2006/relationships/image"/><Relationship Id="rId5" Target="../media/image33.png" Type="http://schemas.openxmlformats.org/officeDocument/2006/relationships/image"/><Relationship Id="rId4" Target="../media/image25.emf" Type="http://schemas.openxmlformats.org/officeDocument/2006/relationships/image"/></Relationships>
</file>

<file path=ppt/slides/_rels/slide17.xml.rels><?xml version="1.0" encoding="utf-8"?>
<Relationships xmlns="http://schemas.openxmlformats.org/package/2006/relationships"><Relationship Id="rId3" Target="../notesSlides/notesSlide17.xml" Type="http://schemas.openxmlformats.org/officeDocument/2006/relationships/notesSlide"/><Relationship Id="rId2" Target="../slideLayouts/slideLayout5.xml" Type="http://schemas.openxmlformats.org/officeDocument/2006/relationships/slideLayout"/><Relationship Id="rId1" Target="../tags/tag18.xml" Type="http://schemas.openxmlformats.org/officeDocument/2006/relationships/tags"/><Relationship Id="rId6" Target="../media/image35.svg" Type="http://schemas.openxmlformats.org/officeDocument/2006/relationships/image"/><Relationship Id="rId5" Target="../media/image33.png" Type="http://schemas.openxmlformats.org/officeDocument/2006/relationships/image"/><Relationship Id="rId4" Target="../media/image25.emf" Type="http://schemas.openxmlformats.org/officeDocument/2006/relationships/image"/></Relationships>
</file>

<file path=ppt/slides/_rels/slide18.xml.rels><?xml version="1.0" encoding="utf-8"?>
<Relationships xmlns="http://schemas.openxmlformats.org/package/2006/relationships"><Relationship Id="rId3" Target="../notesSlides/notesSlide18.xml" Type="http://schemas.openxmlformats.org/officeDocument/2006/relationships/notesSlide"/><Relationship Id="rId2" Target="../slideLayouts/slideLayout5.xml" Type="http://schemas.openxmlformats.org/officeDocument/2006/relationships/slideLayout"/><Relationship Id="rId1" Target="../tags/tag19.xml" Type="http://schemas.openxmlformats.org/officeDocument/2006/relationships/tags"/><Relationship Id="rId6" Target="../media/image35.svg" Type="http://schemas.openxmlformats.org/officeDocument/2006/relationships/image"/><Relationship Id="rId5" Target="../media/image33.png" Type="http://schemas.openxmlformats.org/officeDocument/2006/relationships/image"/><Relationship Id="rId4" Target="../media/image25.emf" Type="http://schemas.openxmlformats.org/officeDocument/2006/relationships/image"/></Relationships>
</file>

<file path=ppt/slides/_rels/slide19.xml.rels><?xml version="1.0" encoding="utf-8"?>
<Relationships xmlns="http://schemas.openxmlformats.org/package/2006/relationships"><Relationship Id="rId3" Target="../notesSlides/notesSlide19.xml" Type="http://schemas.openxmlformats.org/officeDocument/2006/relationships/notesSlide"/><Relationship Id="rId7" Target="../media/image26.emf" Type="http://schemas.openxmlformats.org/officeDocument/2006/relationships/image"/><Relationship Id="rId2" Target="../slideLayouts/slideLayout4.xml" Type="http://schemas.openxmlformats.org/officeDocument/2006/relationships/slideLayout"/><Relationship Id="rId1" Target="../tags/tag20.xml" Type="http://schemas.openxmlformats.org/officeDocument/2006/relationships/tags"/><Relationship Id="rId6" Target="../media/image34.svg" Type="http://schemas.openxmlformats.org/officeDocument/2006/relationships/image"/><Relationship Id="rId5" Target="../media/image33.png" Type="http://schemas.openxmlformats.org/officeDocument/2006/relationships/image"/><Relationship Id="rId4" Target="../media/image25.emf" Type="http://schemas.openxmlformats.org/officeDocument/2006/relationships/image"/></Relationships>
</file>

<file path=ppt/slides/_rels/slide2.xml.rels><?xml version="1.0" encoding="utf-8"?>
<Relationships xmlns="http://schemas.openxmlformats.org/package/2006/relationships"><Relationship Id="rId3" Target="../notesSlides/notesSlide2.xml" Type="http://schemas.openxmlformats.org/officeDocument/2006/relationships/notesSlide"/><Relationship Id="rId2" Target="../slideLayouts/slideLayout26.xml" Type="http://schemas.openxmlformats.org/officeDocument/2006/relationships/slideLayout"/><Relationship Id="rId1" Target="../tags/tag3.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20.xml.rels><?xml version="1.0" encoding="utf-8"?>
<Relationships xmlns="http://schemas.openxmlformats.org/package/2006/relationships"><Relationship Id="rId3" Target="../notesSlides/notesSlide20.xml" Type="http://schemas.openxmlformats.org/officeDocument/2006/relationships/notesSlide"/><Relationship Id="rId7" Target="../media/image26.emf" Type="http://schemas.openxmlformats.org/officeDocument/2006/relationships/image"/><Relationship Id="rId2" Target="../slideLayouts/slideLayout5.xml" Type="http://schemas.openxmlformats.org/officeDocument/2006/relationships/slideLayout"/><Relationship Id="rId1" Target="../tags/tag21.xml" Type="http://schemas.openxmlformats.org/officeDocument/2006/relationships/tags"/><Relationship Id="rId6" Target="../media/image35.svg" Type="http://schemas.openxmlformats.org/officeDocument/2006/relationships/image"/><Relationship Id="rId5" Target="../media/image33.png" Type="http://schemas.openxmlformats.org/officeDocument/2006/relationships/image"/><Relationship Id="rId4" Target="../media/image25.emf" Type="http://schemas.openxmlformats.org/officeDocument/2006/relationships/image"/></Relationships>
</file>

<file path=ppt/slides/_rels/slide21.xml.rels><?xml version="1.0" encoding="utf-8"?>
<Relationships xmlns="http://schemas.openxmlformats.org/package/2006/relationships"><Relationship Id="rId3" Target="../notesSlides/notesSlide21.xml" Type="http://schemas.openxmlformats.org/officeDocument/2006/relationships/notesSlide"/><Relationship Id="rId7" Target="../media/image26.emf" Type="http://schemas.openxmlformats.org/officeDocument/2006/relationships/image"/><Relationship Id="rId2" Target="../slideLayouts/slideLayout5.xml" Type="http://schemas.openxmlformats.org/officeDocument/2006/relationships/slideLayout"/><Relationship Id="rId1" Target="../tags/tag22.xml" Type="http://schemas.openxmlformats.org/officeDocument/2006/relationships/tags"/><Relationship Id="rId6" Target="../media/image35.svg" Type="http://schemas.openxmlformats.org/officeDocument/2006/relationships/image"/><Relationship Id="rId5" Target="../media/image33.png" Type="http://schemas.openxmlformats.org/officeDocument/2006/relationships/image"/><Relationship Id="rId4" Target="../media/image25.emf" Type="http://schemas.openxmlformats.org/officeDocument/2006/relationships/image"/></Relationships>
</file>

<file path=ppt/slides/_rels/slide22.xml.rels><?xml version="1.0" encoding="utf-8"?>
<Relationships xmlns="http://schemas.openxmlformats.org/package/2006/relationships"><Relationship Id="rId8" Target="../media/image27.png" Type="http://schemas.openxmlformats.org/officeDocument/2006/relationships/image"/><Relationship Id="rId13" Target="../media/image32.svg" Type="http://schemas.openxmlformats.org/officeDocument/2006/relationships/image"/><Relationship Id="rId3" Target="../notesSlides/notesSlide22.xml" Type="http://schemas.openxmlformats.org/officeDocument/2006/relationships/notesSlide"/><Relationship Id="rId7" Target="../media/image26.emf" Type="http://schemas.openxmlformats.org/officeDocument/2006/relationships/image"/><Relationship Id="rId12" Target="../media/image31.png" Type="http://schemas.openxmlformats.org/officeDocument/2006/relationships/image"/><Relationship Id="rId2" Target="../slideLayouts/slideLayout5.xml" Type="http://schemas.openxmlformats.org/officeDocument/2006/relationships/slideLayout"/><Relationship Id="rId1" Target="../tags/tag23.xml" Type="http://schemas.openxmlformats.org/officeDocument/2006/relationships/tags"/><Relationship Id="rId6" Target="../media/image35.svg" Type="http://schemas.openxmlformats.org/officeDocument/2006/relationships/image"/><Relationship Id="rId11" Target="../media/image37.svg" Type="http://schemas.openxmlformats.org/officeDocument/2006/relationships/image"/><Relationship Id="rId5" Target="../media/image33.png" Type="http://schemas.openxmlformats.org/officeDocument/2006/relationships/image"/><Relationship Id="rId10" Target="../media/image36.png" Type="http://schemas.openxmlformats.org/officeDocument/2006/relationships/image"/><Relationship Id="rId4" Target="../media/image25.emf" Type="http://schemas.openxmlformats.org/officeDocument/2006/relationships/image"/><Relationship Id="rId9" Target="../media/image28.svg" Type="http://schemas.openxmlformats.org/officeDocument/2006/relationships/image"/></Relationships>
</file>

<file path=ppt/slides/_rels/slide23.xml.rels><?xml version="1.0" encoding="utf-8"?>
<Relationships xmlns="http://schemas.openxmlformats.org/package/2006/relationships"><Relationship Id="rId3" Target="../notesSlides/notesSlide23.xml" Type="http://schemas.openxmlformats.org/officeDocument/2006/relationships/notesSlide"/><Relationship Id="rId2" Target="../slideLayouts/slideLayout4.xml" Type="http://schemas.openxmlformats.org/officeDocument/2006/relationships/slideLayout"/><Relationship Id="rId1" Target="../tags/tag24.xml" Type="http://schemas.openxmlformats.org/officeDocument/2006/relationships/tags"/></Relationships>
</file>

<file path=ppt/slides/_rels/slide24.xml.rels><?xml version="1.0" encoding="utf-8"?>
<Relationships xmlns="http://schemas.openxmlformats.org/package/2006/relationships"><Relationship Id="rId3" Target="../notesSlides/notesSlide24.xml" Type="http://schemas.openxmlformats.org/officeDocument/2006/relationships/notesSlide"/><Relationship Id="rId2" Target="../slideLayouts/slideLayout5.xml" Type="http://schemas.openxmlformats.org/officeDocument/2006/relationships/slideLayout"/><Relationship Id="rId1" Target="../tags/tag25.xml" Type="http://schemas.openxmlformats.org/officeDocument/2006/relationships/tags"/></Relationships>
</file>

<file path=ppt/slides/_rels/slide25.xml.rels><?xml version="1.0" encoding="utf-8"?>
<Relationships xmlns="http://schemas.openxmlformats.org/package/2006/relationships"><Relationship Id="rId3" Target="../notesSlides/notesSlide25.xml" Type="http://schemas.openxmlformats.org/officeDocument/2006/relationships/notesSlide"/><Relationship Id="rId2" Target="../slideLayouts/slideLayout4.xml" Type="http://schemas.openxmlformats.org/officeDocument/2006/relationships/slideLayout"/><Relationship Id="rId1" Target="../tags/tag26.xml" Type="http://schemas.openxmlformats.org/officeDocument/2006/relationships/tags"/><Relationship Id="rId5" Target="../media/image39.svg" Type="http://schemas.openxmlformats.org/officeDocument/2006/relationships/image"/><Relationship Id="rId4" Target="../media/image38.png" Type="http://schemas.openxmlformats.org/officeDocument/2006/relationships/image"/></Relationships>
</file>

<file path=ppt/slides/_rels/slide26.xml.rels><?xml version="1.0" encoding="utf-8"?>
<Relationships xmlns="http://schemas.openxmlformats.org/package/2006/relationships"><Relationship Id="rId3" Target="../notesSlides/notesSlide26.xml" Type="http://schemas.openxmlformats.org/officeDocument/2006/relationships/notesSlide"/><Relationship Id="rId2" Target="../slideLayouts/slideLayout4.xml" Type="http://schemas.openxmlformats.org/officeDocument/2006/relationships/slideLayout"/><Relationship Id="rId1" Target="../tags/tag27.xml" Type="http://schemas.openxmlformats.org/officeDocument/2006/relationships/tags"/></Relationships>
</file>

<file path=ppt/slides/_rels/slide27.xml.rels><?xml version="1.0" encoding="utf-8"?>
<Relationships xmlns="http://schemas.openxmlformats.org/package/2006/relationships"><Relationship Id="rId3" Target="../notesSlides/notesSlide27.xml" Type="http://schemas.openxmlformats.org/officeDocument/2006/relationships/notesSlide"/><Relationship Id="rId2" Target="../slideLayouts/slideLayout4.xml" Type="http://schemas.openxmlformats.org/officeDocument/2006/relationships/slideLayout"/><Relationship Id="rId1" Target="../tags/tag28.xml" Type="http://schemas.openxmlformats.org/officeDocument/2006/relationships/tags"/><Relationship Id="rId4" Target="../media/image23.emf" Type="http://schemas.openxmlformats.org/officeDocument/2006/relationships/image"/></Relationships>
</file>

<file path=ppt/slides/_rels/slide28.xml.rels><?xml version="1.0" encoding="utf-8"?>
<Relationships xmlns="http://schemas.openxmlformats.org/package/2006/relationships"><Relationship Id="rId3" Target="../notesSlides/notesSlide28.xml" Type="http://schemas.openxmlformats.org/officeDocument/2006/relationships/notesSlide"/><Relationship Id="rId2" Target="../slideLayouts/slideLayout26.xml" Type="http://schemas.openxmlformats.org/officeDocument/2006/relationships/slideLayout"/><Relationship Id="rId1" Target="../tags/tag29.xml" Type="http://schemas.openxmlformats.org/officeDocument/2006/relationships/tags"/></Relationships>
</file>

<file path=ppt/slides/_rels/slide29.xml.rels><?xml version="1.0" encoding="utf-8"?>
<Relationships xmlns="http://schemas.openxmlformats.org/package/2006/relationships"><Relationship Id="rId3" Target="../notesSlides/notesSlide29.xml" Type="http://schemas.openxmlformats.org/officeDocument/2006/relationships/notesSlide"/><Relationship Id="rId2" Target="../slideLayouts/slideLayout5.xml" Type="http://schemas.openxmlformats.org/officeDocument/2006/relationships/slideLayout"/><Relationship Id="rId1" Target="../tags/tag30.xml" Type="http://schemas.openxmlformats.org/officeDocument/2006/relationships/tags"/></Relationships>
</file>

<file path=ppt/slides/_rels/slide3.xml.rels><?xml version="1.0" encoding="utf-8"?>
<Relationships xmlns="http://schemas.openxmlformats.org/package/2006/relationships"><Relationship Id="rId3" Target="../notesSlides/notesSlide3.xml" Type="http://schemas.openxmlformats.org/officeDocument/2006/relationships/notesSlide"/><Relationship Id="rId2" Target="../slideLayouts/slideLayout26.xml" Type="http://schemas.openxmlformats.org/officeDocument/2006/relationships/slideLayout"/><Relationship Id="rId1" Target="../tags/tag4.xml" Type="http://schemas.openxmlformats.org/officeDocument/2006/relationships/tags"/><Relationship Id="rId5" Target="../media/image22.svg" Type="http://schemas.openxmlformats.org/officeDocument/2006/relationships/image"/><Relationship Id="rId4" Target="../media/image21.png" Type="http://schemas.openxmlformats.org/officeDocument/2006/relationships/image"/></Relationships>
</file>

<file path=ppt/slides/_rels/slide30.xml.rels><?xml version="1.0" encoding="utf-8"?>
<Relationships xmlns="http://schemas.openxmlformats.org/package/2006/relationships"><Relationship Id="rId3" Target="../notesSlides/notesSlide30.xml" Type="http://schemas.openxmlformats.org/officeDocument/2006/relationships/notesSlide"/><Relationship Id="rId2" Target="../slideLayouts/slideLayout10.xml" Type="http://schemas.openxmlformats.org/officeDocument/2006/relationships/slideLayout"/><Relationship Id="rId1" Target="../tags/tag31.xml" Type="http://schemas.openxmlformats.org/officeDocument/2006/relationships/tags"/></Relationships>
</file>

<file path=ppt/slides/_rels/slide31.xml.rels><?xml version="1.0" encoding="utf-8"?>
<Relationships xmlns="http://schemas.openxmlformats.org/package/2006/relationships"><Relationship Id="rId3" Target="../notesSlides/notesSlide31.xml" Type="http://schemas.openxmlformats.org/officeDocument/2006/relationships/notesSlide"/><Relationship Id="rId2" Target="../slideLayouts/slideLayout16.xml" Type="http://schemas.openxmlformats.org/officeDocument/2006/relationships/slideLayout"/><Relationship Id="rId1" Target="../tags/tag32.xml" Type="http://schemas.openxmlformats.org/officeDocument/2006/relationships/tags"/></Relationships>
</file>

<file path=ppt/slides/_rels/slide4.xml.rels><?xml version="1.0" encoding="utf-8"?>
<Relationships xmlns="http://schemas.openxmlformats.org/package/2006/relationships"><Relationship Id="rId3" Target="../notesSlides/notesSlide4.xml" Type="http://schemas.openxmlformats.org/officeDocument/2006/relationships/notesSlide"/><Relationship Id="rId2" Target="../slideLayouts/slideLayout26.xml" Type="http://schemas.openxmlformats.org/officeDocument/2006/relationships/slideLayout"/><Relationship Id="rId1" Target="../tags/tag5.xml" Type="http://schemas.openxmlformats.org/officeDocument/2006/relationships/tags"/><Relationship Id="rId4" Target="../media/image23.emf" Type="http://schemas.openxmlformats.org/officeDocument/2006/relationships/image"/></Relationships>
</file>

<file path=ppt/slides/_rels/slide5.xml.rels><?xml version="1.0" encoding="utf-8"?>
<Relationships xmlns="http://schemas.openxmlformats.org/package/2006/relationships"><Relationship Id="rId3" Target="../notesSlides/notesSlide5.xml" Type="http://schemas.openxmlformats.org/officeDocument/2006/relationships/notesSlide"/><Relationship Id="rId2" Target="../slideLayouts/slideLayout2.xml" Type="http://schemas.openxmlformats.org/officeDocument/2006/relationships/slideLayout"/><Relationship Id="rId1" Target="../tags/tag6.xml" Type="http://schemas.openxmlformats.org/officeDocument/2006/relationships/tags"/></Relationships>
</file>

<file path=ppt/slides/_rels/slide6.xml.rels><?xml version="1.0" encoding="utf-8"?>
<Relationships xmlns="http://schemas.openxmlformats.org/package/2006/relationships"><Relationship Id="rId3" Target="../notesSlides/notesSlide6.xml" Type="http://schemas.openxmlformats.org/officeDocument/2006/relationships/notesSlide"/><Relationship Id="rId2" Target="../slideLayouts/slideLayout4.xml" Type="http://schemas.openxmlformats.org/officeDocument/2006/relationships/slideLayout"/><Relationship Id="rId1" Target="../tags/tag7.xml" Type="http://schemas.openxmlformats.org/officeDocument/2006/relationships/tags"/></Relationships>
</file>

<file path=ppt/slides/_rels/slide7.xml.rels><?xml version="1.0" encoding="utf-8"?>
<Relationships xmlns="http://schemas.openxmlformats.org/package/2006/relationships"><Relationship Id="rId3" Target="../notesSlides/notesSlide7.xml" Type="http://schemas.openxmlformats.org/officeDocument/2006/relationships/notesSlide"/><Relationship Id="rId2" Target="../slideLayouts/slideLayout4.xml" Type="http://schemas.openxmlformats.org/officeDocument/2006/relationships/slideLayout"/><Relationship Id="rId1" Target="../tags/tag8.xml" Type="http://schemas.openxmlformats.org/officeDocument/2006/relationships/tags"/><Relationship Id="rId4" Target="../media/image23.emf" Type="http://schemas.openxmlformats.org/officeDocument/2006/relationships/image"/></Relationships>
</file>

<file path=ppt/slides/_rels/slide8.xml.rels><?xml version="1.0" encoding="utf-8"?>
<Relationships xmlns="http://schemas.openxmlformats.org/package/2006/relationships"><Relationship Id="rId3" Target="../notesSlides/notesSlide8.xml" Type="http://schemas.openxmlformats.org/officeDocument/2006/relationships/notesSlide"/><Relationship Id="rId2" Target="../slideLayouts/slideLayout4.xml" Type="http://schemas.openxmlformats.org/officeDocument/2006/relationships/slideLayout"/><Relationship Id="rId1" Target="../tags/tag9.xml" Type="http://schemas.openxmlformats.org/officeDocument/2006/relationships/tags"/><Relationship Id="rId4" Target="../media/image23.emf" Type="http://schemas.openxmlformats.org/officeDocument/2006/relationships/image"/></Relationships>
</file>

<file path=ppt/slides/_rels/slide9.xml.rels><?xml version="1.0" encoding="utf-8"?>
<Relationships xmlns="http://schemas.openxmlformats.org/package/2006/relationships"><Relationship Id="rId3" Target="../notesSlides/notesSlide9.xml" Type="http://schemas.openxmlformats.org/officeDocument/2006/relationships/notesSlide"/><Relationship Id="rId2" Target="../slideLayouts/slideLayout4.xml" Type="http://schemas.openxmlformats.org/officeDocument/2006/relationships/slideLayout"/><Relationship Id="rId1" Target="../tags/tag10.xml" Type="http://schemas.openxmlformats.org/officeDocument/2006/relationships/tags"/><Relationship Id="rId4" Target="../media/image23.emf" Type="http://schemas.openxmlformats.org/officeDocument/2006/relationships/image"/></Relationships>
</file>

<file path=ppt/slides/slide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3" name="Picture 2">
            <a:extLst>
              <a:ext uri="{FF2B5EF4-FFF2-40B4-BE49-F238E27FC236}">
                <a16:creationId xmlns:a16="http://schemas.microsoft.com/office/drawing/2014/main" id="{8664D5A5-207E-49EA-B58B-22F0BC786604}"/>
              </a:ext>
            </a:extLst>
          </p:cNvPr>
          <p:cNvPicPr>
            <a:picLocks noChangeArrowheads="1"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b="-100000" r="-100000"/>
          </a:gra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pic>
        <p:nvPicPr>
          <p:cNvPr id="5" name="Picture 2">
            <a:extLst>
              <a:ext uri="{FF2B5EF4-FFF2-40B4-BE49-F238E27FC236}">
                <a16:creationId xmlns:a16="http://schemas.microsoft.com/office/drawing/2014/main" id="{5A1E72D3-8FEB-4732-9F30-CC30C0B2551C}"/>
              </a:ext>
            </a:extLst>
          </p:cNvPr>
          <p:cNvPicPr>
            <a:picLocks noChangeArrowheads="1" noChangeAspect="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8836653" cy="1237929"/>
          </a:xfrm>
          <a:prstGeom prst="rect">
            <a:avLst/>
          </a:prstGeom>
        </p:spPr>
        <p:txBody>
          <a:bodyPr anchor="ctr"/>
          <a:lstStyle>
            <a:lvl1pPr algn="l" defTabSz="914400" eaLnBrk="1" hangingPunct="1" latinLnBrk="0" rtl="0">
              <a:lnSpc>
                <a:spcPct val="90000"/>
              </a:lnSpc>
              <a:spcBef>
                <a:spcPct val="0"/>
              </a:spcBef>
              <a:buNone/>
              <a:defRPr kern="1200" sz="4400">
                <a:solidFill>
                  <a:schemeClr val="bg1"/>
                </a:solidFill>
                <a:latin charset="-79" pitchFamily="2" typeface="Rubik Medium"/>
                <a:ea typeface="+mj-ea"/>
                <a:cs charset="-79" pitchFamily="2" typeface="Rubik Medium"/>
              </a:defRPr>
            </a:lvl1pPr>
          </a:lstStyle>
          <a:p txid="b11c6d472736d2d92e3c9acc549c3e1b">
            <a:r>
              <a:rPr dirty="0" lang="en-US"/>
              <a:t>Directives relatives aux paramètres de partage</a:t>
            </a:r>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algn="l" defTabSz="914400" eaLnBrk="1" hangingPunct="1" indent="0" latinLnBrk="0" marL="0" rtl="0">
              <a:lnSpc>
                <a:spcPct val="90000"/>
              </a:lnSpc>
              <a:spcBef>
                <a:spcPts val="1000"/>
              </a:spcBef>
              <a:buClr>
                <a:srgbClr val="008CCF"/>
              </a:buClr>
              <a:buSzPct val="110000"/>
              <a:buFont charset="-79" pitchFamily="2" typeface="Rubik"/>
              <a:buNone/>
              <a:defRPr kern="1200" sz="2800">
                <a:solidFill>
                  <a:schemeClr val="bg1"/>
                </a:solidFill>
                <a:latin typeface="+mn-lt"/>
                <a:ea typeface="+mn-ea"/>
                <a:cs typeface="+mn-cs"/>
              </a:defRPr>
            </a:lvl1pPr>
            <a:lvl2pPr algn="l" defTabSz="914400" eaLnBrk="1" hangingPunct="1" indent="-342900" latinLnBrk="0" marL="8001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2pPr>
            <a:lvl3pPr algn="l" defTabSz="914400" eaLnBrk="1" hangingPunct="1" indent="-342900" latinLnBrk="0" marL="12573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3pPr>
            <a:lvl4pPr algn="l" defTabSz="914400" eaLnBrk="1" hangingPunct="1" indent="-342900" latinLnBrk="0" marL="17145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4pPr>
            <a:lvl5pPr algn="l" defTabSz="914400" eaLnBrk="1" hangingPunct="1" indent="-342900" latinLnBrk="0" marL="2171700" rtl="0">
              <a:lnSpc>
                <a:spcPct val="90000"/>
              </a:lnSpc>
              <a:spcBef>
                <a:spcPts val="500"/>
              </a:spcBef>
              <a:buClr>
                <a:srgbClr val="008CCF"/>
              </a:buClr>
              <a:buSzPct val="110000"/>
              <a:buFont charset="0" panose="020B0604020202020204" pitchFamily="34" typeface="Arial"/>
              <a:buChar char="•"/>
              <a:defRPr kern="1200" sz="2400">
                <a:solidFill>
                  <a:schemeClr val="tx1"/>
                </a:solidFill>
                <a:latin typeface="+mn-lt"/>
                <a:ea typeface="+mn-ea"/>
                <a:cs typeface="+mn-cs"/>
              </a:defRPr>
            </a:lvl5pPr>
            <a:lvl6pPr algn="l" defTabSz="914400" eaLnBrk="1" hangingPunct="1" indent="-228600" latinLnBrk="0" marL="25146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6pPr>
            <a:lvl7pPr algn="l" defTabSz="914400" eaLnBrk="1" hangingPunct="1" indent="-228600" latinLnBrk="0" marL="29718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7pPr>
            <a:lvl8pPr algn="l" defTabSz="914400" eaLnBrk="1" hangingPunct="1" indent="-228600" latinLnBrk="0" marL="34290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8pPr>
            <a:lvl9pPr algn="l" defTabSz="914400" eaLnBrk="1" hangingPunct="1" indent="-228600" latinLnBrk="0" marL="3886200" rtl="0">
              <a:lnSpc>
                <a:spcPct val="90000"/>
              </a:lnSpc>
              <a:spcBef>
                <a:spcPts val="500"/>
              </a:spcBef>
              <a:buFont charset="0" panose="020B0604020202020204" pitchFamily="34" typeface="Arial"/>
              <a:buChar char="•"/>
              <a:defRPr kern="1200" sz="1800">
                <a:solidFill>
                  <a:schemeClr val="tx1"/>
                </a:solidFill>
                <a:latin typeface="+mn-lt"/>
                <a:ea typeface="+mn-ea"/>
                <a:cs typeface="+mn-cs"/>
              </a:defRPr>
            </a:lvl9pPr>
          </a:lstStyle>
          <a:p txid="9b0642494cfdc78a4b035d4bccdd98c1">
            <a:r>
              <a:rPr lang="es-ES"/>
              <a:t>Personnalisation de DHIS2</a:t>
            </a:r>
          </a:p>
        </p:txBody>
      </p:sp>
      <p:pic>
        <p:nvPicPr>
          <p:cNvPr id="8" name="A Himitsu - Adventures [Argofox]">
            <a:hlinkClick action="ppaction://media" r:id=""/>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advTm="13019" p14:dur="2000" spd="slow"/>
    </mc:Choice>
    <mc:Fallback xmlns="">
      <p:transition advTm="13019" spd="slow"/>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id="5" nodeType="withEffect" presetClass="entr" presetID="10" presetSubtype="0">
                                  <p:stCondLst>
                                    <p:cond delay="25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par>
                                <p:cTn fill="hold" grpId="0" id="8" nodeType="withEffect" presetClass="entr" presetID="2" presetSubtype="6">
                                  <p:stCondLst>
                                    <p:cond delay="2750"/>
                                  </p:stCondLst>
                                  <p:childTnLst>
                                    <p:set>
                                      <p:cBhvr>
                                        <p:cTn dur="1" fill="hold" id="9">
                                          <p:stCondLst>
                                            <p:cond delay="0"/>
                                          </p:stCondLst>
                                        </p:cTn>
                                        <p:tgtEl>
                                          <p:spTgt spid="4"/>
                                        </p:tgtEl>
                                        <p:attrNameLst>
                                          <p:attrName>style.visibility</p:attrName>
                                        </p:attrNameLst>
                                      </p:cBhvr>
                                      <p:to>
                                        <p:strVal val="visible"/>
                                      </p:to>
                                    </p:set>
                                    <p:anim calcmode="lin" valueType="num">
                                      <p:cBhvr additive="base">
                                        <p:cTn dur="500" fill="hold" id="10"/>
                                        <p:tgtEl>
                                          <p:spTgt spid="4"/>
                                        </p:tgtEl>
                                        <p:attrNameLst>
                                          <p:attrName>ppt_x</p:attrName>
                                        </p:attrNameLst>
                                      </p:cBhvr>
                                      <p:tavLst>
                                        <p:tav tm="0">
                                          <p:val>
                                            <p:strVal val="1+#ppt_w/2"/>
                                          </p:val>
                                        </p:tav>
                                        <p:tav tm="100000">
                                          <p:val>
                                            <p:strVal val="#ppt_x"/>
                                          </p:val>
                                        </p:tav>
                                      </p:tavLst>
                                    </p:anim>
                                    <p:anim calcmode="lin" valueType="num">
                                      <p:cBhvr additive="base">
                                        <p:cTn dur="500" fill="hold" id="11"/>
                                        <p:tgtEl>
                                          <p:spTgt spid="4"/>
                                        </p:tgtEl>
                                        <p:attrNameLst>
                                          <p:attrName>ppt_y</p:attrName>
                                        </p:attrNameLst>
                                      </p:cBhvr>
                                      <p:tavLst>
                                        <p:tav tm="0">
                                          <p:val>
                                            <p:strVal val="1+#ppt_h/2"/>
                                          </p:val>
                                        </p:tav>
                                        <p:tav tm="100000">
                                          <p:val>
                                            <p:strVal val="#ppt_y"/>
                                          </p:val>
                                        </p:tav>
                                      </p:tavLst>
                                    </p:anim>
                                  </p:childTnLst>
                                </p:cTn>
                              </p:par>
                              <p:par>
                                <p:cTn fill="hold" id="12" nodeType="withEffect" presetClass="entr" presetID="47" presetSubtype="0">
                                  <p:stCondLst>
                                    <p:cond delay="3500"/>
                                  </p:stCondLst>
                                  <p:childTnLst>
                                    <p:set>
                                      <p:cBhvr>
                                        <p:cTn dur="1" fill="hold" id="13">
                                          <p:stCondLst>
                                            <p:cond delay="0"/>
                                          </p:stCondLst>
                                        </p:cTn>
                                        <p:tgtEl>
                                          <p:spTgt spid="5"/>
                                        </p:tgtEl>
                                        <p:attrNameLst>
                                          <p:attrName>style.visibility</p:attrName>
                                        </p:attrNameLst>
                                      </p:cBhvr>
                                      <p:to>
                                        <p:strVal val="visible"/>
                                      </p:to>
                                    </p:set>
                                    <p:animEffect filter="fade" transition="in">
                                      <p:cBhvr>
                                        <p:cTn dur="250" id="14"/>
                                        <p:tgtEl>
                                          <p:spTgt spid="5"/>
                                        </p:tgtEl>
                                      </p:cBhvr>
                                    </p:animEffect>
                                    <p:anim calcmode="lin" valueType="num">
                                      <p:cBhvr>
                                        <p:cTn dur="250" fill="hold" id="15"/>
                                        <p:tgtEl>
                                          <p:spTgt spid="5"/>
                                        </p:tgtEl>
                                        <p:attrNameLst>
                                          <p:attrName>ppt_x</p:attrName>
                                        </p:attrNameLst>
                                      </p:cBhvr>
                                      <p:tavLst>
                                        <p:tav tm="0">
                                          <p:val>
                                            <p:strVal val="#ppt_x"/>
                                          </p:val>
                                        </p:tav>
                                        <p:tav tm="100000">
                                          <p:val>
                                            <p:strVal val="#ppt_x"/>
                                          </p:val>
                                        </p:tav>
                                      </p:tavLst>
                                    </p:anim>
                                    <p:anim calcmode="lin" valueType="num">
                                      <p:cBhvr>
                                        <p:cTn dur="250" fill="hold" id="16"/>
                                        <p:tgtEl>
                                          <p:spTgt spid="5"/>
                                        </p:tgtEl>
                                        <p:attrNameLst>
                                          <p:attrName>ppt_y</p:attrName>
                                        </p:attrNameLst>
                                      </p:cBhvr>
                                      <p:tavLst>
                                        <p:tav tm="0">
                                          <p:val>
                                            <p:strVal val="#ppt_y-.1"/>
                                          </p:val>
                                        </p:tav>
                                        <p:tav tm="100000">
                                          <p:val>
                                            <p:strVal val="#ppt_y"/>
                                          </p:val>
                                        </p:tav>
                                      </p:tavLst>
                                    </p:anim>
                                  </p:childTnLst>
                                </p:cTn>
                              </p:par>
                              <p:par>
                                <p:cTn fill="hold" grpId="0" id="17" nodeType="withEffect" presetClass="entr" presetID="47" presetSubtype="0">
                                  <p:stCondLst>
                                    <p:cond delay="3750"/>
                                  </p:stCondLst>
                                  <p:childTnLst>
                                    <p:set>
                                      <p:cBhvr>
                                        <p:cTn dur="1" fill="hold" id="18">
                                          <p:stCondLst>
                                            <p:cond delay="0"/>
                                          </p:stCondLst>
                                        </p:cTn>
                                        <p:tgtEl>
                                          <p:spTgt spid="6"/>
                                        </p:tgtEl>
                                        <p:attrNameLst>
                                          <p:attrName>style.visibility</p:attrName>
                                        </p:attrNameLst>
                                      </p:cBhvr>
                                      <p:to>
                                        <p:strVal val="visible"/>
                                      </p:to>
                                    </p:set>
                                    <p:animEffect filter="fade" transition="in">
                                      <p:cBhvr>
                                        <p:cTn dur="250" id="19"/>
                                        <p:tgtEl>
                                          <p:spTgt spid="6"/>
                                        </p:tgtEl>
                                      </p:cBhvr>
                                    </p:animEffect>
                                    <p:anim calcmode="lin" valueType="num">
                                      <p:cBhvr>
                                        <p:cTn dur="250" fill="hold" id="20"/>
                                        <p:tgtEl>
                                          <p:spTgt spid="6"/>
                                        </p:tgtEl>
                                        <p:attrNameLst>
                                          <p:attrName>ppt_x</p:attrName>
                                        </p:attrNameLst>
                                      </p:cBhvr>
                                      <p:tavLst>
                                        <p:tav tm="0">
                                          <p:val>
                                            <p:strVal val="#ppt_x"/>
                                          </p:val>
                                        </p:tav>
                                        <p:tav tm="100000">
                                          <p:val>
                                            <p:strVal val="#ppt_x"/>
                                          </p:val>
                                        </p:tav>
                                      </p:tavLst>
                                    </p:anim>
                                    <p:anim calcmode="lin" valueType="num">
                                      <p:cBhvr>
                                        <p:cTn dur="250" fill="hold" id="21"/>
                                        <p:tgtEl>
                                          <p:spTgt spid="6"/>
                                        </p:tgtEl>
                                        <p:attrNameLst>
                                          <p:attrName>ppt_y</p:attrName>
                                        </p:attrNameLst>
                                      </p:cBhvr>
                                      <p:tavLst>
                                        <p:tav tm="0">
                                          <p:val>
                                            <p:strVal val="#ppt_y-.1"/>
                                          </p:val>
                                        </p:tav>
                                        <p:tav tm="100000">
                                          <p:val>
                                            <p:strVal val="#ppt_y"/>
                                          </p:val>
                                        </p:tav>
                                      </p:tavLst>
                                    </p:anim>
                                  </p:childTnLst>
                                </p:cTn>
                              </p:par>
                              <p:par>
                                <p:cTn fill="hold" grpId="0" id="22" nodeType="withEffect" presetClass="entr" presetID="47" presetSubtype="0">
                                  <p:stCondLst>
                                    <p:cond delay="4000"/>
                                  </p:stCondLst>
                                  <p:childTnLst>
                                    <p:set>
                                      <p:cBhvr>
                                        <p:cTn dur="1" fill="hold" id="23">
                                          <p:stCondLst>
                                            <p:cond delay="0"/>
                                          </p:stCondLst>
                                        </p:cTn>
                                        <p:tgtEl>
                                          <p:spTgt spid="7"/>
                                        </p:tgtEl>
                                        <p:attrNameLst>
                                          <p:attrName>style.visibility</p:attrName>
                                        </p:attrNameLst>
                                      </p:cBhvr>
                                      <p:to>
                                        <p:strVal val="visible"/>
                                      </p:to>
                                    </p:set>
                                    <p:animEffect filter="fade" transition="in">
                                      <p:cBhvr>
                                        <p:cTn dur="250" id="24"/>
                                        <p:tgtEl>
                                          <p:spTgt spid="7"/>
                                        </p:tgtEl>
                                      </p:cBhvr>
                                    </p:animEffect>
                                    <p:anim calcmode="lin" valueType="num">
                                      <p:cBhvr>
                                        <p:cTn dur="250" fill="hold" id="25"/>
                                        <p:tgtEl>
                                          <p:spTgt spid="7"/>
                                        </p:tgtEl>
                                        <p:attrNameLst>
                                          <p:attrName>ppt_x</p:attrName>
                                        </p:attrNameLst>
                                      </p:cBhvr>
                                      <p:tavLst>
                                        <p:tav tm="0">
                                          <p:val>
                                            <p:strVal val="#ppt_x"/>
                                          </p:val>
                                        </p:tav>
                                        <p:tav tm="100000">
                                          <p:val>
                                            <p:strVal val="#ppt_x"/>
                                          </p:val>
                                        </p:tav>
                                      </p:tavLst>
                                    </p:anim>
                                    <p:anim calcmode="lin" valueType="num">
                                      <p:cBhvr>
                                        <p:cTn dur="250" fill="hold" id="26"/>
                                        <p:tgtEl>
                                          <p:spTgt spid="7"/>
                                        </p:tgtEl>
                                        <p:attrNameLst>
                                          <p:attrName>ppt_y</p:attrName>
                                        </p:attrNameLst>
                                      </p:cBhvr>
                                      <p:tavLst>
                                        <p:tav tm="0">
                                          <p:val>
                                            <p:strVal val="#ppt_y-.1"/>
                                          </p:val>
                                        </p:tav>
                                        <p:tav tm="100000">
                                          <p:val>
                                            <p:strVal val="#ppt_y"/>
                                          </p:val>
                                        </p:tav>
                                      </p:tavLst>
                                    </p:anim>
                                  </p:childTnLst>
                                </p:cTn>
                              </p:par>
                              <p:par>
                                <p:cTn fill="hold" grpId="1" id="27" nodeType="withEffect" presetClass="exit" presetID="2" presetSubtype="9">
                                  <p:stCondLst>
                                    <p:cond delay="11750"/>
                                  </p:stCondLst>
                                  <p:childTnLst>
                                    <p:anim calcmode="lin" valueType="num">
                                      <p:cBhvr additive="base">
                                        <p:cTn dur="500" id="28"/>
                                        <p:tgtEl>
                                          <p:spTgt spid="4"/>
                                        </p:tgtEl>
                                        <p:attrNameLst>
                                          <p:attrName>ppt_x</p:attrName>
                                        </p:attrNameLst>
                                      </p:cBhvr>
                                      <p:tavLst>
                                        <p:tav tm="0">
                                          <p:val>
                                            <p:strVal val="ppt_x"/>
                                          </p:val>
                                        </p:tav>
                                        <p:tav tm="100000">
                                          <p:val>
                                            <p:strVal val="0-ppt_w/2"/>
                                          </p:val>
                                        </p:tav>
                                      </p:tavLst>
                                    </p:anim>
                                    <p:anim calcmode="lin" valueType="num">
                                      <p:cBhvr additive="base">
                                        <p:cTn dur="500" id="29"/>
                                        <p:tgtEl>
                                          <p:spTgt spid="4"/>
                                        </p:tgtEl>
                                        <p:attrNameLst>
                                          <p:attrName>ppt_y</p:attrName>
                                        </p:attrNameLst>
                                      </p:cBhvr>
                                      <p:tavLst>
                                        <p:tav tm="0">
                                          <p:val>
                                            <p:strVal val="ppt_y"/>
                                          </p:val>
                                        </p:tav>
                                        <p:tav tm="100000">
                                          <p:val>
                                            <p:strVal val="0-ppt_h/2"/>
                                          </p:val>
                                        </p:tav>
                                      </p:tavLst>
                                    </p:anim>
                                    <p:set>
                                      <p:cBhvr>
                                        <p:cTn dur="1" fill="hold" id="30">
                                          <p:stCondLst>
                                            <p:cond delay="499"/>
                                          </p:stCondLst>
                                        </p:cTn>
                                        <p:tgtEl>
                                          <p:spTgt spid="4"/>
                                        </p:tgtEl>
                                        <p:attrNameLst>
                                          <p:attrName>style.visibility</p:attrName>
                                        </p:attrNameLst>
                                      </p:cBhvr>
                                      <p:to>
                                        <p:strVal val="hidden"/>
                                      </p:to>
                                    </p:set>
                                  </p:childTnLst>
                                </p:cTn>
                              </p:par>
                              <p:par>
                                <p:cTn fill="hold" id="31" nodeType="withEffect" presetClass="exit" presetID="10" presetSubtype="0">
                                  <p:stCondLst>
                                    <p:cond delay="11750"/>
                                  </p:stCondLst>
                                  <p:childTnLst>
                                    <p:animEffect filter="fade" transition="out">
                                      <p:cBhvr>
                                        <p:cTn dur="100" id="32"/>
                                        <p:tgtEl>
                                          <p:spTgt spid="3"/>
                                        </p:tgtEl>
                                      </p:cBhvr>
                                    </p:animEffect>
                                    <p:set>
                                      <p:cBhvr>
                                        <p:cTn dur="1" fill="hold" id="33">
                                          <p:stCondLst>
                                            <p:cond delay="99"/>
                                          </p:stCondLst>
                                        </p:cTn>
                                        <p:tgtEl>
                                          <p:spTgt spid="3"/>
                                        </p:tgtEl>
                                        <p:attrNameLst>
                                          <p:attrName>style.visibility</p:attrName>
                                        </p:attrNameLst>
                                      </p:cBhvr>
                                      <p:to>
                                        <p:strVal val="hidden"/>
                                      </p:to>
                                    </p:set>
                                  </p:childTnLst>
                                </p:cTn>
                              </p:par>
                            </p:childTnLst>
                          </p:cTn>
                        </p:par>
                      </p:childTnLst>
                    </p:cTn>
                  </p:par>
                </p:childTnLst>
              </p:cTn>
              <p:prevCondLst>
                <p:cond delay="0" evt="onPrev">
                  <p:tgtEl>
                    <p:sldTgt/>
                  </p:tgtEl>
                </p:cond>
              </p:prevCondLst>
              <p:nextCondLst>
                <p:cond delay="0" evt="onNext">
                  <p:tgtEl>
                    <p:sldTgt/>
                  </p:tgtEl>
                </p:cond>
              </p:nextCondLst>
            </p:seq>
            <p:audio>
              <p:cMediaNode vol="80000">
                <p:cTn display="0" fill="hold" id="34">
                  <p:stCondLst>
                    <p:cond delay="indefinite"/>
                  </p:stCondLst>
                  <p:endCondLst>
                    <p:cond delay="0" evt="onStopAudio">
                      <p:tgtEl>
                        <p:sldTgt/>
                      </p:tgtEl>
                    </p:cond>
                  </p:endCondLst>
                </p:cTn>
                <p:tgtEl>
                  <p:spTgt spid="8"/>
                </p:tgtEl>
              </p:cMediaNode>
            </p:audio>
          </p:childTnLst>
        </p:cTn>
      </p:par>
    </p:tnLst>
    <p:bldLst>
      <p:bldP animBg="1" grpId="0" spid="4"/>
      <p:bldP animBg="1" grpId="1" spid="4"/>
      <p:bldP grpId="0" spid="6"/>
      <p:bldP grpId="0" spid="7">
        <p:tmplLst>
          <p:tmpl>
            <p:tnLst>
              <p:par>
                <p:cTn fill="hold" nodeType="withEffect" presetClass="entr" presetID="47" presetSubtype="0">
                  <p:stCondLst>
                    <p:cond delay="4000"/>
                  </p:stCondLst>
                  <p:childTnLst>
                    <p:set>
                      <p:cBhvr>
                        <p:cTn dur="1" fill="hold">
                          <p:stCondLst>
                            <p:cond delay="0"/>
                          </p:stCondLst>
                        </p:cTn>
                        <p:tgtEl>
                          <p:spTgt spid="7"/>
                        </p:tgtEl>
                        <p:attrNameLst>
                          <p:attrName>style.visibility</p:attrName>
                        </p:attrNameLst>
                      </p:cBhvr>
                      <p:to>
                        <p:strVal val="visible"/>
                      </p:to>
                    </p:set>
                    <p:animEffect filter="fade" transition="in">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1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b6693ef49029b3d7d8e4b03197946eed">
            <a:r>
              <a:rPr lang="es-ES"/>
              <a:t>Que contrôle l'attribution d'unités d'organisation ?</a:t>
            </a:r>
            <a:endParaRPr dirty="0" lang="en-NO"/>
          </a:p>
        </p:txBody>
      </p:sp>
      <p:grpSp>
        <p:nvGrpSpPr>
          <p:cNvPr id="6" name="Group 5">
            <a:extLst>
              <a:ext uri="{FF2B5EF4-FFF2-40B4-BE49-F238E27FC236}">
                <a16:creationId xmlns:a16="http://schemas.microsoft.com/office/drawing/2014/main" id="{7B391BE5-A6F8-0E89-B78C-6129CAD1847B}"/>
              </a:ext>
            </a:extLst>
          </p:cNvPr>
          <p:cNvGrpSpPr/>
          <p:nvPr/>
        </p:nvGrpSpPr>
        <p:grpSpPr>
          <a:xfrm>
            <a:off x="-2962638" y="4777589"/>
            <a:ext cx="2170117" cy="1663777"/>
            <a:chOff x="5042099" y="2205086"/>
            <a:chExt cx="2170117" cy="1663777"/>
          </a:xfrm>
        </p:grpSpPr>
        <p:grpSp>
          <p:nvGrpSpPr>
            <p:cNvPr id="7" name="Group 6">
              <a:extLst>
                <a:ext uri="{FF2B5EF4-FFF2-40B4-BE49-F238E27FC236}">
                  <a16:creationId xmlns:a16="http://schemas.microsoft.com/office/drawing/2014/main" id="{37C785B7-1941-32BE-EB72-3ED05B69EFA5}"/>
                </a:ext>
              </a:extLst>
            </p:cNvPr>
            <p:cNvGrpSpPr/>
            <p:nvPr/>
          </p:nvGrpSpPr>
          <p:grpSpPr>
            <a:xfrm>
              <a:off x="5042099" y="2205086"/>
              <a:ext cx="1663776" cy="1663777"/>
              <a:chOff x="4939393" y="2097225"/>
              <a:chExt cx="1584048" cy="1584049"/>
            </a:xfrm>
          </p:grpSpPr>
          <p:sp>
            <p:nvSpPr>
              <p:cNvPr id="13" name="Freeform: Shape 12">
                <a:extLst>
                  <a:ext uri="{FF2B5EF4-FFF2-40B4-BE49-F238E27FC236}">
                    <a16:creationId xmlns:a16="http://schemas.microsoft.com/office/drawing/2014/main" id="{407DE510-E38B-0F28-AFDB-9371529E54F8}"/>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709A221D-9306-CEA4-A43D-F6818E843EC3}"/>
                  </a:ext>
                </a:extLst>
              </p:cNvPr>
              <p:cNvGrpSpPr/>
              <p:nvPr/>
            </p:nvGrpSpPr>
            <p:grpSpPr>
              <a:xfrm>
                <a:off x="5192227" y="2369148"/>
                <a:ext cx="1078380" cy="1040202"/>
                <a:chOff x="3448859" y="1386457"/>
                <a:chExt cx="1078380" cy="1040202"/>
              </a:xfrm>
            </p:grpSpPr>
            <p:sp>
              <p:nvSpPr>
                <p:cNvPr id="17" name="Freeform: Shape 16">
                  <a:extLst>
                    <a:ext uri="{FF2B5EF4-FFF2-40B4-BE49-F238E27FC236}">
                      <a16:creationId xmlns:a16="http://schemas.microsoft.com/office/drawing/2014/main" id="{3BAF296F-FE62-8976-CB5F-3E24CBD5E498}"/>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DFCD3EF2-35CE-700A-0E42-812A0D8C92ED}"/>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8" name="Freeform: Shape 7">
              <a:extLst>
                <a:ext uri="{FF2B5EF4-FFF2-40B4-BE49-F238E27FC236}">
                  <a16:creationId xmlns:a16="http://schemas.microsoft.com/office/drawing/2014/main" id="{3D7546DD-9E01-9EDF-1CF4-62AC88598BE3}"/>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9" name="Graphic 30">
              <a:extLst>
                <a:ext uri="{FF2B5EF4-FFF2-40B4-BE49-F238E27FC236}">
                  <a16:creationId xmlns:a16="http://schemas.microsoft.com/office/drawing/2014/main" id="{EAF1DC6F-3651-2CED-A61A-89D6C3BD9832}"/>
                </a:ext>
              </a:extLst>
            </p:cNvPr>
            <p:cNvGrpSpPr/>
            <p:nvPr/>
          </p:nvGrpSpPr>
          <p:grpSpPr>
            <a:xfrm>
              <a:off x="6382743" y="2556395"/>
              <a:ext cx="829473" cy="829474"/>
              <a:chOff x="5945741" y="2242429"/>
              <a:chExt cx="1307468" cy="1307469"/>
            </a:xfrm>
          </p:grpSpPr>
          <p:sp>
            <p:nvSpPr>
              <p:cNvPr id="11" name="Freeform: Shape 10">
                <a:extLst>
                  <a:ext uri="{FF2B5EF4-FFF2-40B4-BE49-F238E27FC236}">
                    <a16:creationId xmlns:a16="http://schemas.microsoft.com/office/drawing/2014/main" id="{94180B34-A059-F119-200A-D30A18CDFFFC}"/>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583CBF2-03BE-CFAB-2064-F5B20D08CC13}"/>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19" name="userbox">
            <a:extLst>
              <a:ext uri="{FF2B5EF4-FFF2-40B4-BE49-F238E27FC236}">
                <a16:creationId xmlns:a16="http://schemas.microsoft.com/office/drawing/2014/main" id="{B9CE9245-C0A1-ECD9-5341-BB08CCD9C6A6}"/>
              </a:ext>
            </a:extLst>
          </p:cNvPr>
          <p:cNvSpPr/>
          <p:nvPr/>
        </p:nvSpPr>
        <p:spPr>
          <a:xfrm>
            <a:off x="-3197250" y="380645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grpSp>
        <p:nvGrpSpPr>
          <p:cNvPr id="20" name="!!sharing">
            <a:extLst>
              <a:ext uri="{FF2B5EF4-FFF2-40B4-BE49-F238E27FC236}">
                <a16:creationId xmlns:a16="http://schemas.microsoft.com/office/drawing/2014/main" id="{8DFCE337-1616-E428-17AD-87160275BBA1}"/>
              </a:ext>
            </a:extLst>
          </p:cNvPr>
          <p:cNvGrpSpPr/>
          <p:nvPr/>
        </p:nvGrpSpPr>
        <p:grpSpPr>
          <a:xfrm>
            <a:off x="-3217287" y="1424856"/>
            <a:ext cx="1862941" cy="2004144"/>
            <a:chOff x="1333500" y="1969731"/>
            <a:chExt cx="1862941" cy="2004144"/>
          </a:xfrm>
        </p:grpSpPr>
        <p:sp>
          <p:nvSpPr>
            <p:cNvPr id="21" name="Freeform 22">
              <a:extLst>
                <a:ext uri="{FF2B5EF4-FFF2-40B4-BE49-F238E27FC236}">
                  <a16:creationId xmlns:a16="http://schemas.microsoft.com/office/drawing/2014/main" id="{4380F0B7-392D-C65A-3B69-A6F3E84E4AD1}"/>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22" name="Group 21">
              <a:extLst>
                <a:ext uri="{FF2B5EF4-FFF2-40B4-BE49-F238E27FC236}">
                  <a16:creationId xmlns:a16="http://schemas.microsoft.com/office/drawing/2014/main" id="{9495A0C6-31AA-5529-729D-422F0A38627F}"/>
                </a:ext>
              </a:extLst>
            </p:cNvPr>
            <p:cNvGrpSpPr/>
            <p:nvPr/>
          </p:nvGrpSpPr>
          <p:grpSpPr>
            <a:xfrm>
              <a:off x="1746057" y="1969731"/>
              <a:ext cx="923284" cy="861233"/>
              <a:chOff x="2866244" y="2493706"/>
              <a:chExt cx="1072382" cy="1000311"/>
            </a:xfrm>
          </p:grpSpPr>
          <p:sp>
            <p:nvSpPr>
              <p:cNvPr id="30" name="Freeform 23">
                <a:extLst>
                  <a:ext uri="{FF2B5EF4-FFF2-40B4-BE49-F238E27FC236}">
                    <a16:creationId xmlns:a16="http://schemas.microsoft.com/office/drawing/2014/main" id="{CCBE3A59-6290-CF2A-5DBC-723E39C778C3}"/>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1" name="Freeform 24">
                <a:extLst>
                  <a:ext uri="{FF2B5EF4-FFF2-40B4-BE49-F238E27FC236}">
                    <a16:creationId xmlns:a16="http://schemas.microsoft.com/office/drawing/2014/main" id="{D10859DA-893A-3198-6E4D-62130AE739AE}"/>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23" name="Group 22">
              <a:extLst>
                <a:ext uri="{FF2B5EF4-FFF2-40B4-BE49-F238E27FC236}">
                  <a16:creationId xmlns:a16="http://schemas.microsoft.com/office/drawing/2014/main" id="{E8750E5D-238B-F08D-77BE-D01959CB85E9}"/>
                </a:ext>
              </a:extLst>
            </p:cNvPr>
            <p:cNvGrpSpPr/>
            <p:nvPr/>
          </p:nvGrpSpPr>
          <p:grpSpPr>
            <a:xfrm>
              <a:off x="1784364" y="3136309"/>
              <a:ext cx="846670" cy="837566"/>
              <a:chOff x="3040063" y="3848672"/>
              <a:chExt cx="983396" cy="972822"/>
            </a:xfrm>
          </p:grpSpPr>
          <p:sp>
            <p:nvSpPr>
              <p:cNvPr id="28" name="Freeform 28">
                <a:extLst>
                  <a:ext uri="{FF2B5EF4-FFF2-40B4-BE49-F238E27FC236}">
                    <a16:creationId xmlns:a16="http://schemas.microsoft.com/office/drawing/2014/main" id="{3644646B-4442-40D9-A188-9267C0144653}"/>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9" name="Freeform 29">
                <a:extLst>
                  <a:ext uri="{FF2B5EF4-FFF2-40B4-BE49-F238E27FC236}">
                    <a16:creationId xmlns:a16="http://schemas.microsoft.com/office/drawing/2014/main" id="{630C8236-FFE7-2735-D927-63B462339AB2}"/>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24" name="Freeform: Shape 23">
              <a:extLst>
                <a:ext uri="{FF2B5EF4-FFF2-40B4-BE49-F238E27FC236}">
                  <a16:creationId xmlns:a16="http://schemas.microsoft.com/office/drawing/2014/main" id="{C6E0E504-835B-2D67-360B-75F0A31BD761}"/>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25" name="Graphic 24">
              <a:extLst>
                <a:ext uri="{FF2B5EF4-FFF2-40B4-BE49-F238E27FC236}">
                  <a16:creationId xmlns:a16="http://schemas.microsoft.com/office/drawing/2014/main" id="{176D03F4-3702-05EC-0049-6FE0F5C5AEBD}"/>
                </a:ext>
              </a:extLst>
            </p:cNvPr>
            <p:cNvGrpSpPr/>
            <p:nvPr/>
          </p:nvGrpSpPr>
          <p:grpSpPr>
            <a:xfrm>
              <a:off x="2323290" y="2517060"/>
              <a:ext cx="873151" cy="873151"/>
              <a:chOff x="2323290" y="2517060"/>
              <a:chExt cx="873151" cy="873151"/>
            </a:xfrm>
          </p:grpSpPr>
          <p:sp>
            <p:nvSpPr>
              <p:cNvPr id="26" name="Freeform: Shape 25">
                <a:extLst>
                  <a:ext uri="{FF2B5EF4-FFF2-40B4-BE49-F238E27FC236}">
                    <a16:creationId xmlns:a16="http://schemas.microsoft.com/office/drawing/2014/main" id="{7C588183-FC27-DBA6-20CC-164676111ED6}"/>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44D425D6-BE52-FC38-9059-D14FBB242258}"/>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
        <p:nvSpPr>
          <p:cNvPr id="32" name="!!sharingbox">
            <a:extLst>
              <a:ext uri="{FF2B5EF4-FFF2-40B4-BE49-F238E27FC236}">
                <a16:creationId xmlns:a16="http://schemas.microsoft.com/office/drawing/2014/main" id="{DD67D8B1-E326-B3EB-53FE-BF0065FDA758}"/>
              </a:ext>
            </a:extLst>
          </p:cNvPr>
          <p:cNvSpPr/>
          <p:nvPr/>
        </p:nvSpPr>
        <p:spPr>
          <a:xfrm>
            <a:off x="-3601619" y="57426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grpSp>
        <p:nvGrpSpPr>
          <p:cNvPr id="33" name="Group 32">
            <a:extLst>
              <a:ext uri="{FF2B5EF4-FFF2-40B4-BE49-F238E27FC236}">
                <a16:creationId xmlns:a16="http://schemas.microsoft.com/office/drawing/2014/main" id="{BED54C65-19CE-DD57-25D3-C2E62FDBDD5D}"/>
              </a:ext>
            </a:extLst>
          </p:cNvPr>
          <p:cNvGrpSpPr/>
          <p:nvPr/>
        </p:nvGrpSpPr>
        <p:grpSpPr>
          <a:xfrm>
            <a:off x="12849484" y="1944433"/>
            <a:ext cx="1886211" cy="1663778"/>
            <a:chOff x="8409934" y="2229519"/>
            <a:chExt cx="1886211" cy="1663778"/>
          </a:xfrm>
        </p:grpSpPr>
        <p:pic>
          <p:nvPicPr>
            <p:cNvPr id="34" name="Picture 33">
              <a:extLst>
                <a:ext uri="{FF2B5EF4-FFF2-40B4-BE49-F238E27FC236}">
                  <a16:creationId xmlns:a16="http://schemas.microsoft.com/office/drawing/2014/main" id="{AA82B28E-BC74-248F-CFCE-07B10E605E4C}"/>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35" name="Freeform: Shape 34">
              <a:extLst>
                <a:ext uri="{FF2B5EF4-FFF2-40B4-BE49-F238E27FC236}">
                  <a16:creationId xmlns:a16="http://schemas.microsoft.com/office/drawing/2014/main" id="{1133DB2B-43B7-2E06-193C-737E0469EB1D}"/>
                </a:ext>
              </a:extLst>
            </p:cNvPr>
            <p:cNvSpPr/>
            <p:nvPr/>
          </p:nvSpPr>
          <p:spPr>
            <a:xfrm>
              <a:off x="9703183" y="2973925"/>
              <a:ext cx="391447" cy="391447"/>
            </a:xfrm>
            <a:custGeom>
              <a:avLst/>
              <a:gdLst>
                <a:gd fmla="*/ 391447 w 391447" name="connsiteX0"/>
                <a:gd fmla="*/ 195724 h 391447" name="connsiteY0"/>
                <a:gd fmla="*/ 195724 w 391447" name="connsiteX1"/>
                <a:gd fmla="*/ 391447 h 391447" name="connsiteY1"/>
                <a:gd fmla="*/ 0 w 391447" name="connsiteX2"/>
                <a:gd fmla="*/ 195724 h 391447" name="connsiteY2"/>
                <a:gd fmla="*/ 195724 w 391447" name="connsiteX3"/>
                <a:gd fmla="*/ 0 h 391447" name="connsiteY3"/>
                <a:gd fmla="*/ 391447 w 391447" name="connsiteX4"/>
                <a:gd fmla="*/ 195724 h 39144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91447" w="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cap="flat" w="1594">
              <a:noFill/>
              <a:prstDash val="solid"/>
              <a:miter/>
            </a:ln>
          </p:spPr>
          <p:txBody>
            <a:bodyPr anchor="ctr" rtlCol="0"/>
            <a:lstStyle/>
            <a:p>
              <a:endParaRPr lang="es-ES"/>
            </a:p>
          </p:txBody>
        </p:sp>
        <p:grpSp>
          <p:nvGrpSpPr>
            <p:cNvPr id="36" name="Graphic 4">
              <a:extLst>
                <a:ext uri="{FF2B5EF4-FFF2-40B4-BE49-F238E27FC236}">
                  <a16:creationId xmlns:a16="http://schemas.microsoft.com/office/drawing/2014/main" id="{933D968D-DF16-02D8-5F40-879AC9A6B3B0}"/>
                </a:ext>
              </a:extLst>
            </p:cNvPr>
            <p:cNvGrpSpPr/>
            <p:nvPr/>
          </p:nvGrpSpPr>
          <p:grpSpPr>
            <a:xfrm>
              <a:off x="9466672" y="2754865"/>
              <a:ext cx="829473" cy="829473"/>
              <a:chOff x="9466672" y="2754865"/>
              <a:chExt cx="829473" cy="829473"/>
            </a:xfrm>
          </p:grpSpPr>
          <p:sp>
            <p:nvSpPr>
              <p:cNvPr id="37" name="Freeform: Shape 36">
                <a:extLst>
                  <a:ext uri="{FF2B5EF4-FFF2-40B4-BE49-F238E27FC236}">
                    <a16:creationId xmlns:a16="http://schemas.microsoft.com/office/drawing/2014/main" id="{016B0562-4537-4E86-CA12-05BF3F89BC33}"/>
                  </a:ext>
                </a:extLst>
              </p:cNvPr>
              <p:cNvSpPr/>
              <p:nvPr/>
            </p:nvSpPr>
            <p:spPr>
              <a:xfrm rot="-1011000">
                <a:off x="9785720" y="3073848"/>
                <a:ext cx="191416" cy="191416"/>
              </a:xfrm>
              <a:custGeom>
                <a:avLst/>
                <a:gdLst>
                  <a:gd fmla="*/ 191417 w 191416" name="connsiteX0"/>
                  <a:gd fmla="*/ 95708 h 191416" name="connsiteY0"/>
                  <a:gd fmla="*/ 95708 w 191416" name="connsiteX1"/>
                  <a:gd fmla="*/ 191417 h 191416" name="connsiteY1"/>
                  <a:gd fmla="*/ 0 w 191416" name="connsiteX2"/>
                  <a:gd fmla="*/ 95708 h 191416" name="connsiteY2"/>
                  <a:gd fmla="*/ 95708 w 191416" name="connsiteX3"/>
                  <a:gd fmla="*/ 0 h 191416" name="connsiteY3"/>
                  <a:gd fmla="*/ 191417 w 191416" name="connsiteX4"/>
                  <a:gd fmla="*/ 95708 h 19141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91416" w="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cap="flat" w="1594">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11CC9FCC-11E3-CCA2-693B-0668426930CA}"/>
                  </a:ext>
                </a:extLst>
              </p:cNvPr>
              <p:cNvSpPr/>
              <p:nvPr/>
            </p:nvSpPr>
            <p:spPr>
              <a:xfrm>
                <a:off x="9466672" y="2754865"/>
                <a:ext cx="829473" cy="829473"/>
              </a:xfrm>
              <a:custGeom>
                <a:avLst/>
                <a:gdLst>
                  <a:gd fmla="*/ 828293 w 829473" name="connsiteX0"/>
                  <a:gd fmla="*/ 343705 h 829473" name="connsiteY0"/>
                  <a:gd fmla="*/ 826889 w 829473" name="connsiteX1"/>
                  <a:gd fmla="*/ 339637 h 829473" name="connsiteY1"/>
                  <a:gd fmla="*/ 797570 w 829473" name="connsiteX2"/>
                  <a:gd fmla="*/ 320304 h 829473" name="connsiteY2"/>
                  <a:gd fmla="*/ 752587 w 829473" name="connsiteX3"/>
                  <a:gd fmla="*/ 320304 h 829473" name="connsiteY3"/>
                  <a:gd fmla="*/ 721051 w 829473" name="connsiteX4"/>
                  <a:gd fmla="*/ 307591 h 829473" name="connsiteY4"/>
                  <a:gd fmla="*/ 720684 w 829473" name="connsiteX5"/>
                  <a:gd fmla="*/ 245333 h 829473" name="connsiteY5"/>
                  <a:gd fmla="*/ 752587 w 829473" name="connsiteX6"/>
                  <a:gd fmla="*/ 213430 h 829473" name="connsiteY6"/>
                  <a:gd fmla="*/ 752779 w 829473" name="connsiteX7"/>
                  <a:gd fmla="*/ 213238 h 829473" name="connsiteY7"/>
                  <a:gd fmla="*/ 755873 w 829473" name="connsiteX8"/>
                  <a:gd fmla="*/ 209554 h 829473" name="connsiteY8"/>
                  <a:gd fmla="*/ 752587 w 829473" name="connsiteX9"/>
                  <a:gd fmla="*/ 168128 h 829473" name="connsiteY9"/>
                  <a:gd fmla="*/ 662302 w 829473" name="connsiteX10"/>
                  <a:gd fmla="*/ 77843 h 829473" name="connsiteY10"/>
                  <a:gd fmla="*/ 662111 w 829473" name="connsiteX11"/>
                  <a:gd fmla="*/ 77651 h 829473" name="connsiteY11"/>
                  <a:gd fmla="*/ 617000 w 829473" name="connsiteX12"/>
                  <a:gd fmla="*/ 77843 h 829473" name="connsiteY12"/>
                  <a:gd fmla="*/ 607589 w 829473" name="connsiteX13"/>
                  <a:gd fmla="*/ 87254 h 829473" name="connsiteY13"/>
                  <a:gd fmla="*/ 585098 w 829473" name="connsiteX14"/>
                  <a:gd fmla="*/ 109746 h 829473" name="connsiteY14"/>
                  <a:gd fmla="*/ 553562 w 829473" name="connsiteX15"/>
                  <a:gd fmla="*/ 122459 h 829473" name="connsiteY15"/>
                  <a:gd fmla="*/ 510126 w 829473" name="connsiteX16"/>
                  <a:gd fmla="*/ 77843 h 829473" name="connsiteY16"/>
                  <a:gd fmla="*/ 510126 w 829473" name="connsiteX17"/>
                  <a:gd fmla="*/ 31903 h 829473" name="connsiteY17"/>
                  <a:gd fmla="*/ 478223 w 829473" name="connsiteX18"/>
                  <a:gd fmla="*/ 0 h 829473" name="connsiteY18"/>
                  <a:gd fmla="*/ 350612 w 829473" name="connsiteX19"/>
                  <a:gd fmla="*/ 0 h 829473" name="connsiteY19"/>
                  <a:gd fmla="*/ 318709 w 829473" name="connsiteX20"/>
                  <a:gd fmla="*/ 31903 h 829473" name="connsiteY20"/>
                  <a:gd fmla="*/ 318709 w 829473" name="connsiteX21"/>
                  <a:gd fmla="*/ 76248 h 829473" name="connsiteY21"/>
                  <a:gd fmla="*/ 305996 w 829473" name="connsiteX22"/>
                  <a:gd fmla="*/ 107784 h 829473" name="connsiteY22"/>
                  <a:gd fmla="*/ 243737 w 829473" name="connsiteX23"/>
                  <a:gd fmla="*/ 108151 h 829473" name="connsiteY23"/>
                  <a:gd fmla="*/ 215041 w 829473" name="connsiteX24"/>
                  <a:gd fmla="*/ 79454 h 829473" name="connsiteY24"/>
                  <a:gd fmla="*/ 211835 w 829473" name="connsiteX25"/>
                  <a:gd fmla="*/ 76248 h 829473" name="connsiteY25"/>
                  <a:gd fmla="*/ 211643 w 829473" name="connsiteX26"/>
                  <a:gd fmla="*/ 76056 h 829473" name="connsiteY26"/>
                  <a:gd fmla="*/ 166533 w 829473" name="connsiteX27"/>
                  <a:gd fmla="*/ 76248 h 829473" name="connsiteY27"/>
                  <a:gd fmla="*/ 77843 w 829473" name="connsiteX28"/>
                  <a:gd fmla="*/ 166852 h 829473" name="connsiteY28"/>
                  <a:gd fmla="*/ 77651 w 829473" name="connsiteX29"/>
                  <a:gd fmla="*/ 167043 h 829473" name="connsiteY29"/>
                  <a:gd fmla="*/ 68447 w 829473" name="connsiteX30"/>
                  <a:gd fmla="*/ 188402 h 829473" name="connsiteY30"/>
                  <a:gd fmla="*/ 77827 w 829473" name="connsiteX31"/>
                  <a:gd fmla="*/ 212154 h 829473" name="connsiteY31"/>
                  <a:gd fmla="*/ 109730 w 829473" name="connsiteX32"/>
                  <a:gd fmla="*/ 244056 h 829473" name="connsiteY32"/>
                  <a:gd fmla="*/ 122443 w 829473" name="connsiteX33"/>
                  <a:gd fmla="*/ 275592 h 829473" name="connsiteY33"/>
                  <a:gd fmla="*/ 77827 w 829473" name="connsiteX34"/>
                  <a:gd fmla="*/ 319028 h 829473" name="connsiteY34"/>
                  <a:gd fmla="*/ 31903 w 829473" name="connsiteX35"/>
                  <a:gd fmla="*/ 319028 h 829473" name="connsiteY35"/>
                  <a:gd fmla="*/ 0 w 829473" name="connsiteX36"/>
                  <a:gd fmla="*/ 350931 h 829473" name="connsiteY36"/>
                  <a:gd fmla="*/ 0 w 829473" name="connsiteX37"/>
                  <a:gd fmla="*/ 478861 h 829473" name="connsiteY37"/>
                  <a:gd fmla="*/ 31903 w 829473" name="connsiteX38"/>
                  <a:gd fmla="*/ 510764 h 829473" name="connsiteY38"/>
                  <a:gd fmla="*/ 76248 w 829473" name="connsiteX39"/>
                  <a:gd fmla="*/ 510764 h 829473" name="connsiteY39"/>
                  <a:gd fmla="*/ 107784 w 829473" name="connsiteX40"/>
                  <a:gd fmla="*/ 523477 h 829473" name="connsiteY40"/>
                  <a:gd fmla="*/ 108151 w 829473" name="connsiteX41"/>
                  <a:gd fmla="*/ 585736 h 829473" name="connsiteY41"/>
                  <a:gd fmla="*/ 76248 w 829473" name="connsiteX42"/>
                  <a:gd fmla="*/ 617638 h 829473" name="connsiteY42"/>
                  <a:gd fmla="*/ 76056 w 829473" name="connsiteX43"/>
                  <a:gd fmla="*/ 617830 h 829473" name="connsiteY43"/>
                  <a:gd fmla="*/ 76248 w 829473" name="connsiteX44"/>
                  <a:gd fmla="*/ 662940 h 829473" name="connsiteY44"/>
                  <a:gd fmla="*/ 166852 w 829473" name="connsiteX45"/>
                  <a:gd fmla="*/ 751630 h 829473" name="connsiteY45"/>
                  <a:gd fmla="*/ 167043 w 829473" name="connsiteX46"/>
                  <a:gd fmla="*/ 751822 h 829473" name="connsiteY46"/>
                  <a:gd fmla="*/ 212154 w 829473" name="connsiteX47"/>
                  <a:gd fmla="*/ 751630 h 829473" name="connsiteY47"/>
                  <a:gd fmla="*/ 244056 w 829473" name="connsiteX48"/>
                  <a:gd fmla="*/ 719727 h 829473" name="connsiteY48"/>
                  <a:gd fmla="*/ 275592 w 829473" name="connsiteX49"/>
                  <a:gd fmla="*/ 707014 h 829473" name="connsiteY49"/>
                  <a:gd fmla="*/ 319028 w 829473" name="connsiteX50"/>
                  <a:gd fmla="*/ 751630 h 829473" name="connsiteY50"/>
                  <a:gd fmla="*/ 319028 w 829473" name="connsiteX51"/>
                  <a:gd fmla="*/ 797570 h 829473" name="connsiteY51"/>
                  <a:gd fmla="*/ 350931 w 829473" name="connsiteX52"/>
                  <a:gd fmla="*/ 829473 h 829473" name="connsiteY52"/>
                  <a:gd fmla="*/ 478542 w 829473" name="connsiteX53"/>
                  <a:gd fmla="*/ 829473 h 829473" name="connsiteY53"/>
                  <a:gd fmla="*/ 509169 w 829473" name="connsiteX54"/>
                  <a:gd fmla="*/ 797570 h 829473" name="connsiteY54"/>
                  <a:gd fmla="*/ 509169 w 829473" name="connsiteX55"/>
                  <a:gd fmla="*/ 754182 h 829473" name="connsiteY55"/>
                  <a:gd fmla="*/ 521882 w 829473" name="connsiteX56"/>
                  <a:gd fmla="*/ 722646 h 829473" name="connsiteY56"/>
                  <a:gd fmla="*/ 584140 w 829473" name="connsiteX57"/>
                  <a:gd fmla="*/ 722280 h 829473" name="connsiteY57"/>
                  <a:gd fmla="*/ 616043 w 829473" name="connsiteX58"/>
                  <a:gd fmla="*/ 754182 h 829473" name="connsiteY58"/>
                  <a:gd fmla="*/ 616235 w 829473" name="connsiteX59"/>
                  <a:gd fmla="*/ 754374 h 829473" name="connsiteY59"/>
                  <a:gd fmla="*/ 661345 w 829473" name="connsiteX60"/>
                  <a:gd fmla="*/ 754182 h 829473" name="connsiteY60"/>
                  <a:gd fmla="*/ 751630 w 829473" name="connsiteX61"/>
                  <a:gd fmla="*/ 663897 h 829473" name="connsiteY61"/>
                  <a:gd fmla="*/ 751822 w 829473" name="connsiteX62"/>
                  <a:gd fmla="*/ 663706 h 829473" name="connsiteY62"/>
                  <a:gd fmla="*/ 751630 w 829473" name="connsiteX63"/>
                  <a:gd fmla="*/ 618595 h 829473" name="connsiteY63"/>
                  <a:gd fmla="*/ 719727 w 829473" name="connsiteX64"/>
                  <a:gd fmla="*/ 586693 h 829473" name="connsiteY64"/>
                  <a:gd fmla="*/ 707014 w 829473" name="connsiteX65"/>
                  <a:gd fmla="*/ 555157 h 829473" name="connsiteY65"/>
                  <a:gd fmla="*/ 751630 w 829473" name="connsiteX66"/>
                  <a:gd fmla="*/ 511721 h 829473" name="connsiteY66"/>
                  <a:gd fmla="*/ 797570 w 829473" name="connsiteX67"/>
                  <a:gd fmla="*/ 511721 h 829473" name="connsiteY67"/>
                  <a:gd fmla="*/ 829473 w 829473" name="connsiteX68"/>
                  <a:gd fmla="*/ 479818 h 829473" name="connsiteY68"/>
                  <a:gd fmla="*/ 829473 w 829473" name="connsiteX69"/>
                  <a:gd fmla="*/ 352207 h 829473" name="connsiteY69"/>
                  <a:gd fmla="*/ 828293 w 829473" name="connsiteX70"/>
                  <a:gd fmla="*/ 343705 h 829473" name="connsiteY70"/>
                  <a:gd fmla="*/ 414737 w 829473" name="connsiteX71"/>
                  <a:gd fmla="*/ 574251 h 829473" name="connsiteY71"/>
                  <a:gd fmla="*/ 255222 w 829473" name="connsiteX72"/>
                  <a:gd fmla="*/ 414737 h 829473" name="connsiteY72"/>
                  <a:gd fmla="*/ 414737 w 829473" name="connsiteX73"/>
                  <a:gd fmla="*/ 255222 h 829473" name="connsiteY73"/>
                  <a:gd fmla="*/ 574251 w 829473" name="connsiteX74"/>
                  <a:gd fmla="*/ 414737 h 829473" name="connsiteY74"/>
                  <a:gd fmla="*/ 414737 w 829473" name="connsiteX75"/>
                  <a:gd fmla="*/ 574251 h 829473"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29473" w="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cap="flat" w="1594">
                <a:noFill/>
                <a:prstDash val="solid"/>
                <a:miter/>
              </a:ln>
            </p:spPr>
            <p:txBody>
              <a:bodyPr anchor="ctr" rtlCol="0"/>
              <a:lstStyle/>
              <a:p>
                <a:endParaRPr lang="es-ES"/>
              </a:p>
            </p:txBody>
          </p:sp>
        </p:grpSp>
      </p:grpSp>
      <p:sp>
        <p:nvSpPr>
          <p:cNvPr id="39" name="orgunitbox">
            <a:extLst>
              <a:ext uri="{FF2B5EF4-FFF2-40B4-BE49-F238E27FC236}">
                <a16:creationId xmlns:a16="http://schemas.microsoft.com/office/drawing/2014/main" id="{16166C27-476F-1527-15A2-E8E4DE33C18A}"/>
              </a:ext>
            </a:extLst>
          </p:cNvPr>
          <p:cNvSpPr/>
          <p:nvPr/>
        </p:nvSpPr>
        <p:spPr>
          <a:xfrm>
            <a:off x="12506972" y="96634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cacf52e637e3c79a2608a456b2236a5">
            <a:pPr algn="ctr"/>
            <a:r>
              <a:rPr lang="es-ES" sz="2400"/>
              <a:t>Configuration des unités d'organisation</a:t>
            </a:r>
            <a:endParaRPr dirty="0" lang="en-NO" sz="2400"/>
          </a:p>
        </p:txBody>
      </p:sp>
      <p:grpSp>
        <p:nvGrpSpPr>
          <p:cNvPr id="3" name="Group 2">
            <a:extLst>
              <a:ext uri="{FF2B5EF4-FFF2-40B4-BE49-F238E27FC236}">
                <a16:creationId xmlns:a16="http://schemas.microsoft.com/office/drawing/2014/main" id="{A3CD222F-193D-F703-AB29-11F0DA6D08E1}"/>
              </a:ext>
            </a:extLst>
          </p:cNvPr>
          <p:cNvGrpSpPr/>
          <p:nvPr/>
        </p:nvGrpSpPr>
        <p:grpSpPr>
          <a:xfrm>
            <a:off x="1975524" y="2976834"/>
            <a:ext cx="2982181" cy="1557579"/>
            <a:chOff x="1671165" y="2522230"/>
            <a:chExt cx="3435654" cy="1794426"/>
          </a:xfrm>
        </p:grpSpPr>
        <p:sp>
          <p:nvSpPr>
            <p:cNvPr id="62" name="Freeform: Shape 61">
              <a:extLst>
                <a:ext uri="{FF2B5EF4-FFF2-40B4-BE49-F238E27FC236}">
                  <a16:creationId xmlns:a16="http://schemas.microsoft.com/office/drawing/2014/main" id="{93CC829A-CE17-B5EB-AC85-21751E849963}"/>
                </a:ext>
              </a:extLst>
            </p:cNvPr>
            <p:cNvSpPr/>
            <p:nvPr/>
          </p:nvSpPr>
          <p:spPr>
            <a:xfrm rot="21573000">
              <a:off x="3588865" y="2549439"/>
              <a:ext cx="37336" cy="37336"/>
            </a:xfrm>
            <a:custGeom>
              <a:avLst/>
              <a:gdLst>
                <a:gd fmla="*/ 52609 w 52609" name="connsiteX0"/>
                <a:gd fmla="*/ 26305 h 52609" name="connsiteY0"/>
                <a:gd fmla="*/ 26305 w 52609" name="connsiteX1"/>
                <a:gd fmla="*/ 52610 h 52609" name="connsiteY1"/>
                <a:gd fmla="*/ 0 w 52609" name="connsiteX2"/>
                <a:gd fmla="*/ 26305 h 52609" name="connsiteY2"/>
                <a:gd fmla="*/ 26305 w 52609" name="connsiteX3"/>
                <a:gd fmla="*/ 0 h 52609" name="connsiteY3"/>
                <a:gd fmla="*/ 52609 w 52609" name="connsiteX4"/>
                <a:gd fmla="*/ 26305 h 52609"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2609" w="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cap="flat" w="4680">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6E8311C3-A798-6C2E-B8EF-193236A0E4A1}"/>
                </a:ext>
              </a:extLst>
            </p:cNvPr>
            <p:cNvSpPr/>
            <p:nvPr/>
          </p:nvSpPr>
          <p:spPr>
            <a:xfrm>
              <a:off x="2120535" y="4214047"/>
              <a:ext cx="2986284" cy="102609"/>
            </a:xfrm>
            <a:custGeom>
              <a:avLst/>
              <a:gdLst>
                <a:gd fmla="*/ 4206049 w 4207827" name="connsiteX0"/>
                <a:gd fmla="*/ 0 h 144582" name="connsiteY0"/>
                <a:gd fmla="*/ 2403751 w 4207827" name="connsiteX1"/>
                <a:gd fmla="*/ 0 h 144582" name="connsiteY1"/>
                <a:gd fmla="*/ 2362983 w 4207827" name="connsiteX2"/>
                <a:gd fmla="*/ 65715 h 144582" name="connsiteY2"/>
                <a:gd fmla="*/ 1840866 w 4207827" name="connsiteX3"/>
                <a:gd fmla="*/ 65715 h 144582" name="connsiteY3"/>
                <a:gd fmla="*/ 1800098 w 4207827" name="connsiteX4"/>
                <a:gd fmla="*/ 0 h 144582" name="connsiteY4"/>
                <a:gd fmla="*/ 1825 w 4207827" name="connsiteX5"/>
                <a:gd fmla="*/ 0 h 144582" name="connsiteY5"/>
                <a:gd fmla="*/ 0 w 4207827" name="connsiteX6"/>
                <a:gd fmla="*/ 3604 h 144582" name="connsiteY6"/>
                <a:gd fmla="*/ 238615 w 4207827" name="connsiteX7"/>
                <a:gd fmla="*/ 144583 h 144582" name="connsiteY7"/>
                <a:gd fmla="*/ 3969212 w 4207827" name="connsiteX8"/>
                <a:gd fmla="*/ 144583 h 144582" name="connsiteY8"/>
                <a:gd fmla="*/ 4207827 w 4207827" name="connsiteX9"/>
                <a:gd fmla="*/ 3604 h 144582" name="connsiteY9"/>
                <a:gd fmla="*/ 4206002 w 4207827" name="connsiteX10"/>
                <a:gd fmla="*/ 0 h 144582"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144582" w="4207827">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cap="flat" w="4680">
              <a:noFill/>
              <a:prstDash val="solid"/>
              <a:miter/>
            </a:ln>
          </p:spPr>
          <p:txBody>
            <a:bodyPr anchor="ctr" rtlCol="0"/>
            <a:lstStyle/>
            <a:p>
              <a:endParaRPr lang="es-ES"/>
            </a:p>
          </p:txBody>
        </p:sp>
        <p:sp>
          <p:nvSpPr>
            <p:cNvPr id="64" name="Freeform: Shape 63">
              <a:extLst>
                <a:ext uri="{FF2B5EF4-FFF2-40B4-BE49-F238E27FC236}">
                  <a16:creationId xmlns:a16="http://schemas.microsoft.com/office/drawing/2014/main" id="{4816A174-5944-55C2-22D9-C4E9D7D70A50}"/>
                </a:ext>
              </a:extLst>
            </p:cNvPr>
            <p:cNvSpPr/>
            <p:nvPr/>
          </p:nvSpPr>
          <p:spPr>
            <a:xfrm>
              <a:off x="3568867" y="2653640"/>
              <a:ext cx="1123992" cy="1392292"/>
            </a:xfrm>
            <a:custGeom>
              <a:avLst/>
              <a:gdLst>
                <a:gd fmla="*/ 1140513 w 1583762" name="connsiteX0"/>
                <a:gd fmla="*/ 0 h 1961811" name="connsiteY0"/>
                <a:gd fmla="*/ 1549126 w 1583762" name="connsiteX1"/>
                <a:gd fmla="*/ 0 h 1961811" name="connsiteY1"/>
                <a:gd fmla="*/ 1583762 w 1583762" name="connsiteX2"/>
                <a:gd fmla="*/ 34636 h 1961811" name="connsiteY2"/>
                <a:gd fmla="*/ 1583762 w 1583762" name="connsiteX3"/>
                <a:gd fmla="*/ 1927175 h 1961811" name="connsiteY3"/>
                <a:gd fmla="*/ 1549126 w 1583762" name="connsiteX4"/>
                <a:gd fmla="*/ 1961811 h 1961811" name="connsiteY4"/>
                <a:gd fmla="*/ 0 w 1583762" name="connsiteX5"/>
                <a:gd fmla="*/ 1961811 h 1961811" name="connsiteY5"/>
                <a:gd fmla="*/ 1140513 w 1583762" name="connsiteX6"/>
                <a:gd fmla="*/ 0 h 1961811"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961811" w="1583762">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cap="flat" w="4680">
              <a:noFill/>
              <a:prstDash val="solid"/>
              <a:miter/>
            </a:ln>
          </p:spPr>
          <p:txBody>
            <a:bodyPr anchor="ctr" rtlCol="0"/>
            <a:lstStyle/>
            <a:p>
              <a:endParaRPr lang="es-ES"/>
            </a:p>
          </p:txBody>
        </p:sp>
        <p:sp>
          <p:nvSpPr>
            <p:cNvPr id="65" name="Freeform: Shape 64">
              <a:extLst>
                <a:ext uri="{FF2B5EF4-FFF2-40B4-BE49-F238E27FC236}">
                  <a16:creationId xmlns:a16="http://schemas.microsoft.com/office/drawing/2014/main" id="{E694B1F5-76D2-8C4A-8FBA-69F1F4EC6EE1}"/>
                </a:ext>
              </a:extLst>
            </p:cNvPr>
            <p:cNvSpPr/>
            <p:nvPr/>
          </p:nvSpPr>
          <p:spPr>
            <a:xfrm>
              <a:off x="2407471" y="2522230"/>
              <a:ext cx="2399357" cy="1641990"/>
            </a:xfrm>
            <a:custGeom>
              <a:avLst/>
              <a:gdLst>
                <a:gd fmla="*/ 3319316 w 3380817" name="connsiteX0"/>
                <a:gd fmla="*/ 0 h 2313649" name="connsiteY0"/>
                <a:gd fmla="*/ 61503 w 3380817" name="connsiteX1"/>
                <a:gd fmla="*/ 0 h 2313649" name="connsiteY1"/>
                <a:gd fmla="*/ 0 w 3380817" name="connsiteX2"/>
                <a:gd fmla="*/ 61503 h 2313649" name="connsiteY2"/>
                <a:gd fmla="*/ 0 w 3380817" name="connsiteX3"/>
                <a:gd fmla="*/ 318466 h 2313649" name="connsiteY3"/>
                <a:gd fmla="*/ 128435 w 3380817" name="connsiteX4"/>
                <a:gd fmla="*/ 318887 h 2313649" name="connsiteY4"/>
                <a:gd fmla="*/ 128435 w 3380817" name="connsiteX5"/>
                <a:gd fmla="*/ 165037 h 2313649" name="connsiteY5"/>
                <a:gd fmla="*/ 163445 w 3380817" name="connsiteX6"/>
                <a:gd fmla="*/ 129745 h 2313649" name="connsiteY6"/>
                <a:gd fmla="*/ 3237921 w 3380817" name="connsiteX7"/>
                <a:gd fmla="*/ 129745 h 2313649" name="connsiteY7"/>
                <a:gd fmla="*/ 3272931 w 3380817" name="connsiteX8"/>
                <a:gd fmla="*/ 165037 h 2313649" name="connsiteY8"/>
                <a:gd fmla="*/ 3272931 w 3380817" name="connsiteX9"/>
                <a:gd fmla="*/ 2165229 h 2313649" name="connsiteY9"/>
                <a:gd fmla="*/ 3237921 w 3380817" name="connsiteX10"/>
                <a:gd fmla="*/ 2200520 h 2313649" name="connsiteY10"/>
                <a:gd fmla="*/ 163445 w 3380817" name="connsiteX11"/>
                <a:gd fmla="*/ 2200520 h 2313649" name="connsiteY11"/>
                <a:gd fmla="*/ 128435 w 3380817" name="connsiteX12"/>
                <a:gd fmla="*/ 2165229 h 2313649" name="connsiteY12"/>
                <a:gd fmla="*/ 128435 w 3380817" name="connsiteX13"/>
                <a:gd fmla="*/ 1989052 h 2313649" name="connsiteY13"/>
                <a:gd fmla="*/ 0 w 3380817" name="connsiteX14"/>
                <a:gd fmla="*/ 1989707 h 2313649" name="connsiteY14"/>
                <a:gd fmla="*/ 0 w 3380817" name="connsiteX15"/>
                <a:gd fmla="*/ 2252147 h 2313649" name="connsiteY15"/>
                <a:gd fmla="*/ 61503 w 3380817" name="connsiteX16"/>
                <a:gd fmla="*/ 2313649 h 2313649" name="connsiteY16"/>
                <a:gd fmla="*/ 3319316 w 3380817" name="connsiteX17"/>
                <a:gd fmla="*/ 2313649 h 2313649" name="connsiteY17"/>
                <a:gd fmla="*/ 3380818 w 3380817" name="connsiteX18"/>
                <a:gd fmla="*/ 2252147 h 2313649" name="connsiteY18"/>
                <a:gd fmla="*/ 3380818 w 3380817" name="connsiteX19"/>
                <a:gd fmla="*/ 61503 h 2313649" name="connsiteY19"/>
                <a:gd fmla="*/ 3319316 w 3380817" name="connsiteX20"/>
                <a:gd fmla="*/ 0 h 2313649"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2313649" w="3380817">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cap="flat" w="4680">
              <a:noFill/>
              <a:prstDash val="solid"/>
              <a:miter/>
            </a:ln>
          </p:spPr>
          <p:txBody>
            <a:bodyPr anchor="ctr" rtlCol="0"/>
            <a:lstStyle/>
            <a:p>
              <a:endParaRPr lang="es-ES"/>
            </a:p>
          </p:txBody>
        </p:sp>
        <p:sp>
          <p:nvSpPr>
            <p:cNvPr id="66" name="Freeform: Shape 65">
              <a:extLst>
                <a:ext uri="{FF2B5EF4-FFF2-40B4-BE49-F238E27FC236}">
                  <a16:creationId xmlns:a16="http://schemas.microsoft.com/office/drawing/2014/main" id="{ED21BBF4-BA82-EADC-425D-404CEB8F2BC8}"/>
                </a:ext>
              </a:extLst>
            </p:cNvPr>
            <p:cNvSpPr/>
            <p:nvPr/>
          </p:nvSpPr>
          <p:spPr>
            <a:xfrm>
              <a:off x="2405744" y="2748244"/>
              <a:ext cx="1727" cy="1186075"/>
            </a:xfrm>
            <a:custGeom>
              <a:avLst/>
              <a:gdLst>
                <a:gd fmla="*/ 0 w 2433" name="connsiteX0"/>
                <a:gd fmla="*/ 0 h 1671241" name="connsiteY0"/>
                <a:gd fmla="*/ 0 w 2433" name="connsiteX1"/>
                <a:gd fmla="*/ 1671242 h 1671241" name="connsiteY1"/>
                <a:gd fmla="*/ 2434 w 2433" name="connsiteX2"/>
                <a:gd fmla="*/ 1671242 h 1671241" name="connsiteY2"/>
                <a:gd fmla="*/ 2434 w 2433" name="connsiteX3"/>
                <a:gd fmla="*/ 0 h 1671241" name="connsiteY3"/>
                <a:gd fmla="*/ 0 w 2433" name="connsiteX4"/>
                <a:gd fmla="*/ 0 h 1671241"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671241" w="2433">
                  <a:moveTo>
                    <a:pt x="0" y="0"/>
                  </a:moveTo>
                  <a:lnTo>
                    <a:pt x="0" y="1671242"/>
                  </a:lnTo>
                  <a:lnTo>
                    <a:pt x="2434" y="1671242"/>
                  </a:lnTo>
                  <a:lnTo>
                    <a:pt x="2434" y="0"/>
                  </a:lnTo>
                  <a:lnTo>
                    <a:pt x="0" y="0"/>
                  </a:lnTo>
                  <a:close/>
                </a:path>
              </a:pathLst>
            </a:custGeom>
            <a:solidFill>
              <a:srgbClr val="FFFFFF"/>
            </a:solidFill>
            <a:ln cap="flat" w="4680">
              <a:noFill/>
              <a:prstDash val="solid"/>
              <a:miter/>
            </a:ln>
          </p:spPr>
          <p:txBody>
            <a:bodyPr anchor="ctr" rtlCol="0"/>
            <a:lstStyle/>
            <a:p>
              <a:endParaRPr lang="es-ES"/>
            </a:p>
          </p:txBody>
        </p:sp>
        <p:sp>
          <p:nvSpPr>
            <p:cNvPr id="67" name="Freeform: Shape 66">
              <a:extLst>
                <a:ext uri="{FF2B5EF4-FFF2-40B4-BE49-F238E27FC236}">
                  <a16:creationId xmlns:a16="http://schemas.microsoft.com/office/drawing/2014/main" id="{0D3F5A4C-5BFB-F091-7446-41D088538822}"/>
                </a:ext>
              </a:extLst>
            </p:cNvPr>
            <p:cNvSpPr/>
            <p:nvPr/>
          </p:nvSpPr>
          <p:spPr>
            <a:xfrm>
              <a:off x="2040414" y="3546070"/>
              <a:ext cx="621472" cy="248004"/>
            </a:xfrm>
            <a:custGeom>
              <a:avLst/>
              <a:gdLst>
                <a:gd fmla="*/ 875687 w 875686" name="connsiteX0"/>
                <a:gd fmla="*/ 0 h 349450" name="connsiteY0"/>
                <a:gd fmla="*/ 405477 w 875686" name="connsiteX1"/>
                <a:gd fmla="*/ 0 h 349450" name="connsiteY1"/>
                <a:gd fmla="*/ 405477 w 875686" name="connsiteX2"/>
                <a:gd fmla="*/ 349451 h 349450" name="connsiteY2"/>
                <a:gd fmla="*/ 0 w 875686" name="connsiteX3"/>
                <a:gd fmla="*/ 349451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0"/>
                  </a:moveTo>
                  <a:lnTo>
                    <a:pt x="405477" y="0"/>
                  </a:lnTo>
                  <a:lnTo>
                    <a:pt x="405477" y="349451"/>
                  </a:lnTo>
                  <a:lnTo>
                    <a:pt x="0" y="349451"/>
                  </a:lnTo>
                </a:path>
              </a:pathLst>
            </a:custGeom>
            <a:noFill/>
            <a:ln cap="rnd" w="83624">
              <a:solidFill>
                <a:srgbClr val="093371"/>
              </a:solidFill>
              <a:prstDash val="solid"/>
              <a:round/>
            </a:ln>
          </p:spPr>
          <p:txBody>
            <a:bodyPr anchor="ctr" rtlCol="0"/>
            <a:lstStyle/>
            <a:p>
              <a:endParaRPr lang="es-ES"/>
            </a:p>
          </p:txBody>
        </p:sp>
        <p:sp>
          <p:nvSpPr>
            <p:cNvPr id="68" name="Freeform: Shape 67">
              <a:extLst>
                <a:ext uri="{FF2B5EF4-FFF2-40B4-BE49-F238E27FC236}">
                  <a16:creationId xmlns:a16="http://schemas.microsoft.com/office/drawing/2014/main" id="{DB2403E5-C59D-B457-8964-7DE761088A4F}"/>
                </a:ext>
              </a:extLst>
            </p:cNvPr>
            <p:cNvSpPr/>
            <p:nvPr/>
          </p:nvSpPr>
          <p:spPr>
            <a:xfrm>
              <a:off x="2040414" y="3351977"/>
              <a:ext cx="326564" cy="3321"/>
            </a:xfrm>
            <a:custGeom>
              <a:avLst/>
              <a:gdLst>
                <a:gd fmla="*/ 0 w 460146" name="connsiteX0"/>
                <a:gd fmla="*/ 0 h 4680" name="connsiteY0"/>
                <a:gd fmla="*/ 460146 w 460146" name="connsiteX1"/>
                <a:gd fmla="*/ 0 h 4680" name="connsiteY1"/>
              </a:gdLst>
              <a:ahLst/>
              <a:cxnLst>
                <a:cxn ang="0">
                  <a:pos x="connsiteX0" y="connsiteY0"/>
                </a:cxn>
                <a:cxn ang="0">
                  <a:pos x="connsiteX1" y="connsiteY1"/>
                </a:cxn>
              </a:cxnLst>
              <a:rect b="b" l="l" r="r" t="t"/>
              <a:pathLst>
                <a:path h="4680" w="460146">
                  <a:moveTo>
                    <a:pt x="0" y="0"/>
                  </a:moveTo>
                  <a:lnTo>
                    <a:pt x="460146" y="0"/>
                  </a:lnTo>
                </a:path>
              </a:pathLst>
            </a:custGeom>
            <a:ln cap="rnd" w="83624">
              <a:solidFill>
                <a:srgbClr val="093371"/>
              </a:solidFill>
              <a:prstDash val="solid"/>
              <a:round/>
            </a:ln>
          </p:spPr>
          <p:txBody>
            <a:bodyPr anchor="ctr" rtlCol="0"/>
            <a:lstStyle/>
            <a:p>
              <a:endParaRPr lang="es-ES"/>
            </a:p>
          </p:txBody>
        </p:sp>
        <p:sp>
          <p:nvSpPr>
            <p:cNvPr id="69" name="Freeform: Shape 68">
              <a:extLst>
                <a:ext uri="{FF2B5EF4-FFF2-40B4-BE49-F238E27FC236}">
                  <a16:creationId xmlns:a16="http://schemas.microsoft.com/office/drawing/2014/main" id="{D498586E-49EF-236A-0584-4417395CE1B4}"/>
                </a:ext>
              </a:extLst>
            </p:cNvPr>
            <p:cNvSpPr/>
            <p:nvPr/>
          </p:nvSpPr>
          <p:spPr>
            <a:xfrm>
              <a:off x="2506460" y="3354867"/>
              <a:ext cx="282550" cy="3321"/>
            </a:xfrm>
            <a:custGeom>
              <a:avLst/>
              <a:gdLst>
                <a:gd fmla="*/ 0 w 398128" name="connsiteX0"/>
                <a:gd fmla="*/ 0 h 4680" name="connsiteY0"/>
                <a:gd fmla="*/ 398129 w 398128" name="connsiteX1"/>
                <a:gd fmla="*/ 0 h 4680" name="connsiteY1"/>
              </a:gdLst>
              <a:ahLst/>
              <a:cxnLst>
                <a:cxn ang="0">
                  <a:pos x="connsiteX0" y="connsiteY0"/>
                </a:cxn>
                <a:cxn ang="0">
                  <a:pos x="connsiteX1" y="connsiteY1"/>
                </a:cxn>
              </a:cxnLst>
              <a:rect b="b" l="l" r="r" t="t"/>
              <a:pathLst>
                <a:path h="4680" w="398128">
                  <a:moveTo>
                    <a:pt x="0" y="0"/>
                  </a:moveTo>
                  <a:lnTo>
                    <a:pt x="398129" y="0"/>
                  </a:lnTo>
                </a:path>
              </a:pathLst>
            </a:custGeom>
            <a:ln cap="rnd" w="83624">
              <a:solidFill>
                <a:srgbClr val="093371"/>
              </a:solidFill>
              <a:prstDash val="solid"/>
              <a:round/>
            </a:ln>
          </p:spPr>
          <p:txBody>
            <a:bodyPr anchor="ctr" rtlCol="0"/>
            <a:lstStyle/>
            <a:p>
              <a:endParaRPr lang="es-ES"/>
            </a:p>
          </p:txBody>
        </p:sp>
        <p:sp>
          <p:nvSpPr>
            <p:cNvPr id="70" name="Freeform: Shape 69">
              <a:extLst>
                <a:ext uri="{FF2B5EF4-FFF2-40B4-BE49-F238E27FC236}">
                  <a16:creationId xmlns:a16="http://schemas.microsoft.com/office/drawing/2014/main" id="{9B4AA70C-7C03-8CDB-7CB1-5BB473B93299}"/>
                </a:ext>
              </a:extLst>
            </p:cNvPr>
            <p:cNvSpPr/>
            <p:nvPr/>
          </p:nvSpPr>
          <p:spPr>
            <a:xfrm>
              <a:off x="1671165" y="3204889"/>
              <a:ext cx="297299" cy="297299"/>
            </a:xfrm>
            <a:custGeom>
              <a:avLst/>
              <a:gdLst>
                <a:gd fmla="*/ 418910 w 418910" name="connsiteX0"/>
                <a:gd fmla="*/ 209455 h 418910" name="connsiteY0"/>
                <a:gd fmla="*/ 209455 w 418910" name="connsiteX1"/>
                <a:gd fmla="*/ 418910 h 418910" name="connsiteY1"/>
                <a:gd fmla="*/ 0 w 418910" name="connsiteX2"/>
                <a:gd fmla="*/ 209455 h 418910" name="connsiteY2"/>
                <a:gd fmla="*/ 209455 w 418910" name="connsiteX3"/>
                <a:gd fmla="*/ 0 h 418910" name="connsiteY3"/>
                <a:gd fmla="*/ 418910 w 418910" name="connsiteX4"/>
                <a:gd fmla="*/ 209455 h 41891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8910" w="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cap="flat" w="4680">
              <a:noFill/>
              <a:prstDash val="solid"/>
              <a:miter/>
            </a:ln>
          </p:spPr>
          <p:txBody>
            <a:bodyPr anchor="ctr" rtlCol="0"/>
            <a:lstStyle/>
            <a:p>
              <a:endParaRPr lang="es-ES"/>
            </a:p>
          </p:txBody>
        </p:sp>
        <p:sp>
          <p:nvSpPr>
            <p:cNvPr id="71" name="Freeform: Shape 70">
              <a:extLst>
                <a:ext uri="{FF2B5EF4-FFF2-40B4-BE49-F238E27FC236}">
                  <a16:creationId xmlns:a16="http://schemas.microsoft.com/office/drawing/2014/main" id="{5C90CAAA-63AF-30FB-883A-42EE7F7BEA2C}"/>
                </a:ext>
              </a:extLst>
            </p:cNvPr>
            <p:cNvSpPr/>
            <p:nvPr/>
          </p:nvSpPr>
          <p:spPr>
            <a:xfrm>
              <a:off x="1694019" y="2778106"/>
              <a:ext cx="251559" cy="251559"/>
            </a:xfrm>
            <a:custGeom>
              <a:avLst/>
              <a:gdLst>
                <a:gd fmla="*/ 323380 w 354459" name="connsiteX0"/>
                <a:gd fmla="*/ 0 h 354459" name="connsiteY0"/>
                <a:gd fmla="*/ 354459 w 354459" name="connsiteX1"/>
                <a:gd fmla="*/ 31079 h 354459" name="connsiteY1"/>
                <a:gd fmla="*/ 354459 w 354459" name="connsiteX2"/>
                <a:gd fmla="*/ 323380 h 354459" name="connsiteY2"/>
                <a:gd fmla="*/ 323380 w 354459" name="connsiteX3"/>
                <a:gd fmla="*/ 354459 h 354459" name="connsiteY3"/>
                <a:gd fmla="*/ 31079 w 354459" name="connsiteX4"/>
                <a:gd fmla="*/ 354459 h 354459" name="connsiteY4"/>
                <a:gd fmla="*/ 0 w 354459" name="connsiteX5"/>
                <a:gd fmla="*/ 323380 h 354459" name="connsiteY5"/>
                <a:gd fmla="*/ 0 w 354459" name="connsiteX6"/>
                <a:gd fmla="*/ 31079 h 354459" name="connsiteY6"/>
                <a:gd fmla="*/ 31079 w 354459" name="connsiteX7"/>
                <a:gd fmla="*/ 0 h 35445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54459" w="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cap="flat" w="4680">
              <a:noFill/>
              <a:prstDash val="solid"/>
              <a:miter/>
            </a:ln>
          </p:spPr>
          <p:txBody>
            <a:bodyPr anchor="ctr" rtlCol="0"/>
            <a:lstStyle/>
            <a:p>
              <a:endParaRPr lang="es-ES"/>
            </a:p>
          </p:txBody>
        </p:sp>
        <p:sp>
          <p:nvSpPr>
            <p:cNvPr id="72" name="Freeform: Shape 71">
              <a:extLst>
                <a:ext uri="{FF2B5EF4-FFF2-40B4-BE49-F238E27FC236}">
                  <a16:creationId xmlns:a16="http://schemas.microsoft.com/office/drawing/2014/main" id="{2223B94A-679D-3395-DFEE-F067354ABD90}"/>
                </a:ext>
              </a:extLst>
            </p:cNvPr>
            <p:cNvSpPr/>
            <p:nvPr/>
          </p:nvSpPr>
          <p:spPr>
            <a:xfrm>
              <a:off x="1674701" y="3643381"/>
              <a:ext cx="290199" cy="270841"/>
            </a:xfrm>
            <a:custGeom>
              <a:avLst/>
              <a:gdLst>
                <a:gd fmla="*/ 25629 w 408905" name="connsiteX0"/>
                <a:gd fmla="*/ 381583 h 381629" name="connsiteY0"/>
                <a:gd fmla="*/ 383271 w 408905" name="connsiteX1"/>
                <a:gd fmla="*/ 381583 h 381629" name="connsiteY1"/>
                <a:gd fmla="*/ 405784 w 408905" name="connsiteX2"/>
                <a:gd fmla="*/ 343764 h 381629" name="connsiteY2"/>
                <a:gd fmla="*/ 226940 w 408905" name="connsiteX3"/>
                <a:gd fmla="*/ 13410 h 381629" name="connsiteY3"/>
                <a:gd fmla="*/ 181913 w 408905" name="connsiteX4"/>
                <a:gd fmla="*/ 13410 h 381629" name="connsiteY4"/>
                <a:gd fmla="*/ 3115 w 408905" name="connsiteX5"/>
                <a:gd fmla="*/ 343811 h 381629" name="connsiteY5"/>
                <a:gd fmla="*/ 25629 w 408905" name="connsiteX6"/>
                <a:gd fmla="*/ 381630 h 381629"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381629" w="408905">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cap="flat" w="4680">
              <a:no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C3AF3A7F-9973-D888-F8CC-2D43C59DFF7B}"/>
                </a:ext>
              </a:extLst>
            </p:cNvPr>
            <p:cNvSpPr/>
            <p:nvPr/>
          </p:nvSpPr>
          <p:spPr>
            <a:xfrm>
              <a:off x="2040414" y="2904965"/>
              <a:ext cx="621472" cy="248004"/>
            </a:xfrm>
            <a:custGeom>
              <a:avLst/>
              <a:gdLst>
                <a:gd fmla="*/ 875687 w 875686" name="connsiteX0"/>
                <a:gd fmla="*/ 349451 h 349450" name="connsiteY0"/>
                <a:gd fmla="*/ 405477 w 875686" name="connsiteX1"/>
                <a:gd fmla="*/ 349451 h 349450" name="connsiteY1"/>
                <a:gd fmla="*/ 405477 w 875686" name="connsiteX2"/>
                <a:gd fmla="*/ 0 h 349450" name="connsiteY2"/>
                <a:gd fmla="*/ 0 w 875686" name="connsiteX3"/>
                <a:gd fmla="*/ 0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349451"/>
                  </a:moveTo>
                  <a:lnTo>
                    <a:pt x="405477" y="349451"/>
                  </a:lnTo>
                  <a:lnTo>
                    <a:pt x="405477" y="0"/>
                  </a:lnTo>
                  <a:lnTo>
                    <a:pt x="0" y="0"/>
                  </a:lnTo>
                </a:path>
              </a:pathLst>
            </a:custGeom>
            <a:noFill/>
            <a:ln cap="rnd" w="83624">
              <a:solidFill>
                <a:srgbClr val="093371"/>
              </a:solidFill>
              <a:prstDash val="solid"/>
              <a:round/>
            </a:ln>
          </p:spPr>
          <p:txBody>
            <a:bodyPr anchor="ctr" rtlCol="0"/>
            <a:lstStyle/>
            <a:p>
              <a:endParaRPr lang="es-ES"/>
            </a:p>
          </p:txBody>
        </p:sp>
      </p:grpSp>
      <p:sp>
        <p:nvSpPr>
          <p:cNvPr id="74" name="!!sharingbox">
            <a:extLst>
              <a:ext uri="{FF2B5EF4-FFF2-40B4-BE49-F238E27FC236}">
                <a16:creationId xmlns:a16="http://schemas.microsoft.com/office/drawing/2014/main" id="{EEAFB585-8026-C5A6-C31A-C5A7C10F3010}"/>
              </a:ext>
            </a:extLst>
          </p:cNvPr>
          <p:cNvSpPr/>
          <p:nvPr/>
        </p:nvSpPr>
        <p:spPr>
          <a:xfrm>
            <a:off x="2206229" y="1865710"/>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013f8efcc12c6712c03e7b76b36f4ab5">
            <a:pPr algn="ctr"/>
            <a:r>
              <a:rPr lang="es-ES" sz="2400"/>
              <a:t>Application Saisie de données</a:t>
            </a:r>
            <a:endParaRPr dirty="0" lang="en-NO" sz="2400"/>
          </a:p>
        </p:txBody>
      </p:sp>
      <p:grpSp>
        <p:nvGrpSpPr>
          <p:cNvPr id="75" name="Group 74">
            <a:extLst>
              <a:ext uri="{FF2B5EF4-FFF2-40B4-BE49-F238E27FC236}">
                <a16:creationId xmlns:a16="http://schemas.microsoft.com/office/drawing/2014/main" id="{FF8E7AA2-68D0-E8D3-70AF-AA66C968C5F9}"/>
              </a:ext>
            </a:extLst>
          </p:cNvPr>
          <p:cNvGrpSpPr/>
          <p:nvPr/>
        </p:nvGrpSpPr>
        <p:grpSpPr>
          <a:xfrm>
            <a:off x="7350019" y="1865710"/>
            <a:ext cx="2578955" cy="507074"/>
            <a:chOff x="6095094" y="2006273"/>
            <a:chExt cx="2578955" cy="507074"/>
          </a:xfrm>
        </p:grpSpPr>
        <p:sp>
          <p:nvSpPr>
            <p:cNvPr id="76" name="Free Form 6">
              <a:extLst>
                <a:ext uri="{FF2B5EF4-FFF2-40B4-BE49-F238E27FC236}">
                  <a16:creationId xmlns:a16="http://schemas.microsoft.com/office/drawing/2014/main" id="{BBC65A25-7B1A-E82E-BFC6-7BB535EDBBBA}"/>
                </a:ext>
              </a:extLst>
            </p:cNvPr>
            <p:cNvSpPr/>
            <p:nvPr/>
          </p:nvSpPr>
          <p:spPr>
            <a:xfrm>
              <a:off x="6095094" y="2006273"/>
              <a:ext cx="2578955" cy="462991"/>
            </a:xfrm>
            <a:custGeom>
              <a:avLst/>
              <a:gdLst/>
              <a:ahLst/>
              <a:cxnLst/>
              <a:rect b="0" l="0" r="0" t="0"/>
              <a:pathLst>
                <a:path h="683385" w="3806598">
                  <a:moveTo>
                    <a:pt x="3422855" y="0"/>
                  </a:moveTo>
                  <a:lnTo>
                    <a:pt x="0" y="0"/>
                  </a:lnTo>
                  <a:lnTo>
                    <a:pt x="0" y="683385"/>
                  </a:lnTo>
                  <a:lnTo>
                    <a:pt x="3806598" y="683385"/>
                  </a:lnTo>
                  <a:close/>
                </a:path>
              </a:pathLst>
            </a:custGeom>
            <a:solidFill>
              <a:srgbClr val="E8EBEC">
                <a:alpha val="100000"/>
              </a:srgbClr>
            </a:solidFill>
            <a:ln cap="flat" cmpd="sng" w="0">
              <a:noFill/>
              <a:prstDash val="solid"/>
              <a:miter lim="800000"/>
            </a:ln>
          </p:spPr>
          <p:txBody>
            <a:bodyPr anchor="ctr">
              <a:spAutoFit/>
            </a:bodyPr>
            <a:lstStyle/>
            <a:p>
              <a:pPr algn="ctr"/>
              <a:endParaRPr dirty="0" lang="en-US"/>
            </a:p>
          </p:txBody>
        </p:sp>
        <p:sp>
          <p:nvSpPr>
            <p:cNvPr id="77" name="Rectangle 76">
              <a:extLst>
                <a:ext uri="{FF2B5EF4-FFF2-40B4-BE49-F238E27FC236}">
                  <a16:creationId xmlns:a16="http://schemas.microsoft.com/office/drawing/2014/main" id="{EA9997D5-4EA9-5206-3823-93485932AFF3}"/>
                </a:ext>
              </a:extLst>
            </p:cNvPr>
            <p:cNvSpPr/>
            <p:nvPr/>
          </p:nvSpPr>
          <p:spPr>
            <a:xfrm>
              <a:off x="6656526" y="2051682"/>
              <a:ext cx="1435008" cy="461665"/>
            </a:xfrm>
            <a:prstGeom prst="rect">
              <a:avLst/>
            </a:prstGeom>
          </p:spPr>
          <p:txBody>
            <a:bodyPr wrap="none">
              <a:spAutoFit/>
            </a:bodyPr>
            <a:lstStyle/>
            <a:p txid="f64be5eef68442a8f50cf535b92ad3e4">
              <a:r>
                <a:rPr lang="es-ES" spc="100" sz="2400"/>
                <a:t>Pays</a:t>
              </a:r>
              <a:endParaRPr dirty="0" lang="en-NO" spc="100" sz="2400"/>
            </a:p>
          </p:txBody>
        </p:sp>
      </p:grpSp>
      <p:grpSp>
        <p:nvGrpSpPr>
          <p:cNvPr id="78" name="Group 77">
            <a:extLst>
              <a:ext uri="{FF2B5EF4-FFF2-40B4-BE49-F238E27FC236}">
                <a16:creationId xmlns:a16="http://schemas.microsoft.com/office/drawing/2014/main" id="{806BCFB0-615C-BAE1-8073-8B79546C933A}"/>
              </a:ext>
            </a:extLst>
          </p:cNvPr>
          <p:cNvGrpSpPr/>
          <p:nvPr/>
        </p:nvGrpSpPr>
        <p:grpSpPr>
          <a:xfrm>
            <a:off x="7926227" y="2737608"/>
            <a:ext cx="2628353" cy="464934"/>
            <a:chOff x="6445386" y="2889336"/>
            <a:chExt cx="2704549" cy="464934"/>
          </a:xfrm>
        </p:grpSpPr>
        <p:sp>
          <p:nvSpPr>
            <p:cNvPr id="79" name="Free Form 5">
              <a:extLst>
                <a:ext uri="{FF2B5EF4-FFF2-40B4-BE49-F238E27FC236}">
                  <a16:creationId xmlns:a16="http://schemas.microsoft.com/office/drawing/2014/main" id="{4E0ED12D-5B7D-0F2D-515F-D04286CAC67E}"/>
                </a:ext>
              </a:extLst>
            </p:cNvPr>
            <p:cNvSpPr/>
            <p:nvPr/>
          </p:nvSpPr>
          <p:spPr>
            <a:xfrm>
              <a:off x="6445386" y="2891279"/>
              <a:ext cx="2704549" cy="462991"/>
            </a:xfrm>
            <a:custGeom>
              <a:avLst/>
              <a:gdLst/>
              <a:ahLst/>
              <a:cxnLst/>
              <a:rect b="0" l="0" r="0" t="0"/>
              <a:pathLst>
                <a:path h="683385" w="3991977">
                  <a:moveTo>
                    <a:pt x="3608246" y="0"/>
                  </a:moveTo>
                  <a:lnTo>
                    <a:pt x="0" y="0"/>
                  </a:lnTo>
                  <a:lnTo>
                    <a:pt x="0" y="683385"/>
                  </a:lnTo>
                  <a:lnTo>
                    <a:pt x="3991977"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80" name="Rectangle 79">
              <a:extLst>
                <a:ext uri="{FF2B5EF4-FFF2-40B4-BE49-F238E27FC236}">
                  <a16:creationId xmlns:a16="http://schemas.microsoft.com/office/drawing/2014/main" id="{9CE5CEC9-BC64-89B2-F8F5-74555286F089}"/>
                </a:ext>
              </a:extLst>
            </p:cNvPr>
            <p:cNvSpPr/>
            <p:nvPr/>
          </p:nvSpPr>
          <p:spPr>
            <a:xfrm>
              <a:off x="6907271" y="2889336"/>
              <a:ext cx="1506299" cy="461665"/>
            </a:xfrm>
            <a:prstGeom prst="rect">
              <a:avLst/>
            </a:prstGeom>
          </p:spPr>
          <p:txBody>
            <a:bodyPr wrap="none">
              <a:spAutoFit/>
            </a:bodyPr>
            <a:lstStyle/>
            <a:p txid="adc4f76b740a845a9e0edd0d5009f6d5">
              <a:r>
                <a:rPr dirty="0" lang="en-NO" spc="100" sz="2400"/>
                <a:t>Régions</a:t>
              </a:r>
            </a:p>
          </p:txBody>
        </p:sp>
      </p:grpSp>
      <p:grpSp>
        <p:nvGrpSpPr>
          <p:cNvPr id="81" name="Group 80">
            <a:extLst>
              <a:ext uri="{FF2B5EF4-FFF2-40B4-BE49-F238E27FC236}">
                <a16:creationId xmlns:a16="http://schemas.microsoft.com/office/drawing/2014/main" id="{9EA76950-FC2E-F3D2-FF40-ED097718E27C}"/>
              </a:ext>
            </a:extLst>
          </p:cNvPr>
          <p:cNvGrpSpPr/>
          <p:nvPr/>
        </p:nvGrpSpPr>
        <p:grpSpPr>
          <a:xfrm>
            <a:off x="8285979" y="3633740"/>
            <a:ext cx="2748639" cy="474908"/>
            <a:chOff x="6445386" y="3734135"/>
            <a:chExt cx="3177833" cy="474908"/>
          </a:xfrm>
        </p:grpSpPr>
        <p:sp>
          <p:nvSpPr>
            <p:cNvPr id="82" name="Free Form 4">
              <a:extLst>
                <a:ext uri="{FF2B5EF4-FFF2-40B4-BE49-F238E27FC236}">
                  <a16:creationId xmlns:a16="http://schemas.microsoft.com/office/drawing/2014/main" id="{C57B0791-9918-F16D-75C6-51E2369D6EDB}"/>
                </a:ext>
              </a:extLst>
            </p:cNvPr>
            <p:cNvSpPr/>
            <p:nvPr/>
          </p:nvSpPr>
          <p:spPr>
            <a:xfrm>
              <a:off x="6445386" y="3734135"/>
              <a:ext cx="3177833" cy="462991"/>
            </a:xfrm>
            <a:custGeom>
              <a:avLst/>
              <a:gdLst/>
              <a:ahLst/>
              <a:cxnLst/>
              <a:rect b="0" l="0" r="0" t="0"/>
              <a:pathLst>
                <a:path h="683385" w="4690554">
                  <a:moveTo>
                    <a:pt x="4306811" y="0"/>
                  </a:moveTo>
                  <a:lnTo>
                    <a:pt x="0" y="0"/>
                  </a:lnTo>
                  <a:lnTo>
                    <a:pt x="0" y="683385"/>
                  </a:lnTo>
                  <a:lnTo>
                    <a:pt x="4690554" y="683385"/>
                  </a:lnTo>
                  <a:close/>
                </a:path>
              </a:pathLst>
            </a:custGeom>
            <a:solidFill>
              <a:srgbClr val="E8EBEC">
                <a:alpha val="100000"/>
              </a:srgbClr>
            </a:solidFill>
            <a:ln cap="flat" cmpd="sng" w="0">
              <a:noFill/>
              <a:prstDash val="solid"/>
              <a:miter lim="800000"/>
            </a:ln>
          </p:spPr>
          <p:txBody>
            <a:bodyPr anchor="ctr">
              <a:spAutoFit/>
            </a:bodyPr>
            <a:lstStyle/>
            <a:p>
              <a:pPr algn="ctr"/>
              <a:endParaRPr lang="en-US"/>
            </a:p>
          </p:txBody>
        </p:sp>
        <p:sp>
          <p:nvSpPr>
            <p:cNvPr id="83" name="Rectangle 82">
              <a:extLst>
                <a:ext uri="{FF2B5EF4-FFF2-40B4-BE49-F238E27FC236}">
                  <a16:creationId xmlns:a16="http://schemas.microsoft.com/office/drawing/2014/main" id="{38A9CD11-EF1E-D088-F1F4-1F2CB1D94261}"/>
                </a:ext>
              </a:extLst>
            </p:cNvPr>
            <p:cNvSpPr/>
            <p:nvPr/>
          </p:nvSpPr>
          <p:spPr>
            <a:xfrm>
              <a:off x="7367703" y="3747378"/>
              <a:ext cx="1822172" cy="461665"/>
            </a:xfrm>
            <a:prstGeom prst="rect">
              <a:avLst/>
            </a:prstGeom>
          </p:spPr>
          <p:txBody>
            <a:bodyPr wrap="none">
              <a:spAutoFit/>
            </a:bodyPr>
            <a:lstStyle/>
            <a:p txid="5478bd686f4a77138dc26a887a5d233a">
              <a:r>
                <a:rPr lang="en-NO" spc="100" sz="2400"/>
                <a:t>Districts</a:t>
              </a:r>
              <a:r>
                <a:rPr lang="es-ES" spc="100" sz="2400"/>
              </a:r>
              <a:r>
                <a:rPr lang="en-NO" spc="100" sz="2400"/>
              </a:r>
              <a:r>
                <a:rPr lang="en-NO" sz="2400"/>
                <a:t> </a:t>
              </a:r>
              <a:endParaRPr dirty="0" lang="en-NO" sz="2400"/>
            </a:p>
          </p:txBody>
        </p:sp>
      </p:grpSp>
      <p:grpSp>
        <p:nvGrpSpPr>
          <p:cNvPr id="84" name="Group 83">
            <a:extLst>
              <a:ext uri="{FF2B5EF4-FFF2-40B4-BE49-F238E27FC236}">
                <a16:creationId xmlns:a16="http://schemas.microsoft.com/office/drawing/2014/main" id="{BADA4649-EA4C-7CBD-2E1E-45B478F4DCCF}"/>
              </a:ext>
            </a:extLst>
          </p:cNvPr>
          <p:cNvGrpSpPr/>
          <p:nvPr/>
        </p:nvGrpSpPr>
        <p:grpSpPr>
          <a:xfrm>
            <a:off x="8847447" y="4446539"/>
            <a:ext cx="2729895" cy="487447"/>
            <a:chOff x="7587200" y="4771301"/>
            <a:chExt cx="2729895" cy="487447"/>
          </a:xfrm>
        </p:grpSpPr>
        <p:sp>
          <p:nvSpPr>
            <p:cNvPr id="85" name="Free Form 3">
              <a:extLst>
                <a:ext uri="{FF2B5EF4-FFF2-40B4-BE49-F238E27FC236}">
                  <a16:creationId xmlns:a16="http://schemas.microsoft.com/office/drawing/2014/main" id="{DFA7DF7D-FC06-5EEC-11DA-83B3D25AE7A1}"/>
                </a:ext>
              </a:extLst>
            </p:cNvPr>
            <p:cNvSpPr/>
            <p:nvPr/>
          </p:nvSpPr>
          <p:spPr>
            <a:xfrm>
              <a:off x="7587200" y="4795749"/>
              <a:ext cx="2729895" cy="462999"/>
            </a:xfrm>
            <a:custGeom>
              <a:avLst/>
              <a:gdLst/>
              <a:ahLst/>
              <a:cxnLst/>
              <a:rect b="0" l="0" r="0" t="0"/>
              <a:pathLst>
                <a:path h="683398" w="5389132">
                  <a:moveTo>
                    <a:pt x="5005388" y="0"/>
                  </a:moveTo>
                  <a:lnTo>
                    <a:pt x="0" y="0"/>
                  </a:lnTo>
                  <a:lnTo>
                    <a:pt x="0" y="683398"/>
                  </a:lnTo>
                  <a:lnTo>
                    <a:pt x="5389132" y="683398"/>
                  </a:lnTo>
                  <a:close/>
                </a:path>
              </a:pathLst>
            </a:custGeom>
            <a:solidFill>
              <a:srgbClr val="E8EBEC">
                <a:alpha val="100000"/>
              </a:srgbClr>
            </a:solidFill>
            <a:ln cap="flat" cmpd="sng" w="0">
              <a:noFill/>
              <a:prstDash val="solid"/>
              <a:miter lim="800000"/>
            </a:ln>
          </p:spPr>
          <p:txBody>
            <a:bodyPr anchor="ctr" wrap="square">
              <a:spAutoFit/>
            </a:bodyPr>
            <a:lstStyle/>
            <a:p>
              <a:pPr algn="ctr"/>
              <a:endParaRPr dirty="0" lang="en-US"/>
            </a:p>
          </p:txBody>
        </p:sp>
        <p:sp>
          <p:nvSpPr>
            <p:cNvPr id="86" name="Rectangle 85">
              <a:extLst>
                <a:ext uri="{FF2B5EF4-FFF2-40B4-BE49-F238E27FC236}">
                  <a16:creationId xmlns:a16="http://schemas.microsoft.com/office/drawing/2014/main" id="{7F49E184-722A-311A-80B9-05D7CFA18BED}"/>
                </a:ext>
              </a:extLst>
            </p:cNvPr>
            <p:cNvSpPr/>
            <p:nvPr/>
          </p:nvSpPr>
          <p:spPr>
            <a:xfrm>
              <a:off x="8070463" y="4771301"/>
              <a:ext cx="1450782" cy="461665"/>
            </a:xfrm>
            <a:prstGeom prst="rect">
              <a:avLst/>
            </a:prstGeom>
          </p:spPr>
          <p:txBody>
            <a:bodyPr wrap="none">
              <a:spAutoFit/>
            </a:bodyPr>
            <a:lstStyle/>
            <a:p txid="beed44dfdf514240cb26cec17e6941fb">
              <a:r>
                <a:rPr dirty="0" lang="en-NO" spc="100" sz="2400"/>
                <a:t>Établissements</a:t>
              </a:r>
              <a:r>
                <a:rPr dirty="0" lang="en-NO" sz="2400"/>
                <a:t> </a:t>
              </a:r>
            </a:p>
          </p:txBody>
        </p:sp>
      </p:grpSp>
      <p:sp>
        <p:nvSpPr>
          <p:cNvPr id="87" name="Oval 86">
            <a:extLst>
              <a:ext uri="{FF2B5EF4-FFF2-40B4-BE49-F238E27FC236}">
                <a16:creationId xmlns:a16="http://schemas.microsoft.com/office/drawing/2014/main" id="{100CE5A4-3B61-399D-0499-AAAC47C12151}"/>
              </a:ext>
            </a:extLst>
          </p:cNvPr>
          <p:cNvSpPr/>
          <p:nvPr/>
        </p:nvSpPr>
        <p:spPr>
          <a:xfrm>
            <a:off x="7043121" y="1830792"/>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88" name="Oval 87">
            <a:extLst>
              <a:ext uri="{FF2B5EF4-FFF2-40B4-BE49-F238E27FC236}">
                <a16:creationId xmlns:a16="http://schemas.microsoft.com/office/drawing/2014/main" id="{8532D64E-E906-8A1D-21B7-D10749042B2C}"/>
              </a:ext>
            </a:extLst>
          </p:cNvPr>
          <p:cNvSpPr/>
          <p:nvPr/>
        </p:nvSpPr>
        <p:spPr>
          <a:xfrm>
            <a:off x="6534395" y="2700710"/>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89" name="Oval 88">
            <a:extLst>
              <a:ext uri="{FF2B5EF4-FFF2-40B4-BE49-F238E27FC236}">
                <a16:creationId xmlns:a16="http://schemas.microsoft.com/office/drawing/2014/main" id="{B28A122C-4BDA-A8EE-89CA-D83B2062960C}"/>
              </a:ext>
            </a:extLst>
          </p:cNvPr>
          <p:cNvSpPr/>
          <p:nvPr/>
        </p:nvSpPr>
        <p:spPr>
          <a:xfrm>
            <a:off x="7549788" y="270134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90" name="Oval 89">
            <a:extLst>
              <a:ext uri="{FF2B5EF4-FFF2-40B4-BE49-F238E27FC236}">
                <a16:creationId xmlns:a16="http://schemas.microsoft.com/office/drawing/2014/main" id="{6B3516A9-1850-9DF2-3617-74E18E637111}"/>
              </a:ext>
            </a:extLst>
          </p:cNvPr>
          <p:cNvSpPr/>
          <p:nvPr/>
        </p:nvSpPr>
        <p:spPr>
          <a:xfrm>
            <a:off x="6165182" y="3570628"/>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91" name="Oval 90">
            <a:extLst>
              <a:ext uri="{FF2B5EF4-FFF2-40B4-BE49-F238E27FC236}">
                <a16:creationId xmlns:a16="http://schemas.microsoft.com/office/drawing/2014/main" id="{FA54BAC9-63B9-30F4-71B9-57B371F581FD}"/>
              </a:ext>
            </a:extLst>
          </p:cNvPr>
          <p:cNvSpPr/>
          <p:nvPr/>
        </p:nvSpPr>
        <p:spPr>
          <a:xfrm>
            <a:off x="7120628" y="3570628"/>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sp>
        <p:nvSpPr>
          <p:cNvPr id="92" name="Oval 91">
            <a:extLst>
              <a:ext uri="{FF2B5EF4-FFF2-40B4-BE49-F238E27FC236}">
                <a16:creationId xmlns:a16="http://schemas.microsoft.com/office/drawing/2014/main" id="{3DFD152B-4CB7-0A7D-96FB-30C20A34F1EE}"/>
              </a:ext>
            </a:extLst>
          </p:cNvPr>
          <p:cNvSpPr/>
          <p:nvPr/>
        </p:nvSpPr>
        <p:spPr>
          <a:xfrm>
            <a:off x="8016675" y="3571906"/>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dirty="0" lang="es-ES" sz="2400">
              <a:latin charset="-79" pitchFamily="2" typeface="Rubik Medium"/>
              <a:cs charset="-79" pitchFamily="2" typeface="Rubik Medium"/>
            </a:endParaRPr>
          </a:p>
        </p:txBody>
      </p:sp>
      <p:cxnSp>
        <p:nvCxnSpPr>
          <p:cNvPr id="93" name="Connector: Elbow 42">
            <a:extLst>
              <a:ext uri="{FF2B5EF4-FFF2-40B4-BE49-F238E27FC236}">
                <a16:creationId xmlns:a16="http://schemas.microsoft.com/office/drawing/2014/main" id="{D1082451-FC8E-9E7E-A539-07AEE3C77CA3}"/>
              </a:ext>
            </a:extLst>
          </p:cNvPr>
          <p:cNvCxnSpPr>
            <a:stCxn id="87" idx="4"/>
            <a:endCxn id="89" idx="0"/>
          </p:cNvCxnSpPr>
          <p:nvPr/>
        </p:nvCxnSpPr>
        <p:spPr>
          <a:xfrm flipH="1" rot="16200000">
            <a:off x="7414753" y="2290983"/>
            <a:ext cx="314064" cy="50666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94" name="Connector: Elbow 43">
            <a:extLst>
              <a:ext uri="{FF2B5EF4-FFF2-40B4-BE49-F238E27FC236}">
                <a16:creationId xmlns:a16="http://schemas.microsoft.com/office/drawing/2014/main" id="{4A768DC8-B335-E9B9-BAEA-EDABD7CFEFF8}"/>
              </a:ext>
            </a:extLst>
          </p:cNvPr>
          <p:cNvCxnSpPr>
            <a:stCxn id="87" idx="4"/>
            <a:endCxn id="88" idx="0"/>
          </p:cNvCxnSpPr>
          <p:nvPr/>
        </p:nvCxnSpPr>
        <p:spPr>
          <a:xfrm rot="5400000">
            <a:off x="6907377" y="2289634"/>
            <a:ext cx="313425" cy="508726"/>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95" name="Connector: Elbow 44">
            <a:extLst>
              <a:ext uri="{FF2B5EF4-FFF2-40B4-BE49-F238E27FC236}">
                <a16:creationId xmlns:a16="http://schemas.microsoft.com/office/drawing/2014/main" id="{299F6AF8-B8A3-77B7-8576-F29971C27CE5}"/>
              </a:ext>
            </a:extLst>
          </p:cNvPr>
          <p:cNvCxnSpPr>
            <a:cxnSpLocks/>
            <a:stCxn id="89" idx="4"/>
            <a:endCxn id="92" idx="0"/>
          </p:cNvCxnSpPr>
          <p:nvPr/>
        </p:nvCxnSpPr>
        <p:spPr>
          <a:xfrm flipH="1" rot="16200000">
            <a:off x="7901530" y="3181430"/>
            <a:ext cx="314064" cy="466887"/>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cxnSp>
        <p:nvCxnSpPr>
          <p:cNvPr id="96" name="Connector: Elbow 45">
            <a:extLst>
              <a:ext uri="{FF2B5EF4-FFF2-40B4-BE49-F238E27FC236}">
                <a16:creationId xmlns:a16="http://schemas.microsoft.com/office/drawing/2014/main" id="{151EB7C6-E22F-4054-2D06-C57F1F00CA4A}"/>
              </a:ext>
            </a:extLst>
          </p:cNvPr>
          <p:cNvCxnSpPr>
            <a:stCxn id="89" idx="4"/>
            <a:endCxn id="91" idx="0"/>
          </p:cNvCxnSpPr>
          <p:nvPr/>
        </p:nvCxnSpPr>
        <p:spPr>
          <a:xfrm rot="5400000">
            <a:off x="7454146" y="3199655"/>
            <a:ext cx="312786" cy="429160"/>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97" name="Picture 96">
            <a:extLst>
              <a:ext uri="{FF2B5EF4-FFF2-40B4-BE49-F238E27FC236}">
                <a16:creationId xmlns:a16="http://schemas.microsoft.com/office/drawing/2014/main" id="{36D826DE-4B69-38A5-9AA7-5E77F3D104E6}"/>
              </a:ext>
            </a:extLst>
          </p:cNvPr>
          <p:cNvPicPr>
            <a:picLocks noChangeAspect="1"/>
          </p:cNvPicPr>
          <p:nvPr/>
        </p:nvPicPr>
        <p:blipFill rotWithShape="1">
          <a:blip cstate="hqprint" r:embed="rId5">
            <a:extLst>
              <a:ext uri="{28A0092B-C50C-407E-A947-70E740481C1C}">
                <a14:useLocalDpi xmlns:a14="http://schemas.microsoft.com/office/drawing/2010/main" val="0"/>
              </a:ext>
            </a:extLst>
          </a:blip>
          <a:srcRect t="14413"/>
          <a:stretch/>
        </p:blipFill>
        <p:spPr>
          <a:xfrm>
            <a:off x="5462151" y="4346325"/>
            <a:ext cx="989252" cy="846678"/>
          </a:xfrm>
          <a:prstGeom prst="rect">
            <a:avLst/>
          </a:prstGeom>
        </p:spPr>
      </p:pic>
      <p:cxnSp>
        <p:nvCxnSpPr>
          <p:cNvPr id="98" name="Connector: Elbow 47">
            <a:extLst>
              <a:ext uri="{FF2B5EF4-FFF2-40B4-BE49-F238E27FC236}">
                <a16:creationId xmlns:a16="http://schemas.microsoft.com/office/drawing/2014/main" id="{E3A49D1A-FB87-090D-54EC-7C9622DD5359}"/>
              </a:ext>
            </a:extLst>
          </p:cNvPr>
          <p:cNvCxnSpPr>
            <a:cxnSpLocks/>
            <a:stCxn id="91" idx="4"/>
            <a:endCxn id="97" idx="0"/>
          </p:cNvCxnSpPr>
          <p:nvPr/>
        </p:nvCxnSpPr>
        <p:spPr>
          <a:xfrm rot="5400000">
            <a:off x="6566766" y="3517132"/>
            <a:ext cx="219204" cy="143918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pic>
        <p:nvPicPr>
          <p:cNvPr descr="A picture containing text, object, first-aid kit  Description automatically generated" id="99" name="Picture 98">
            <a:extLst>
              <a:ext uri="{FF2B5EF4-FFF2-40B4-BE49-F238E27FC236}">
                <a16:creationId xmlns:a16="http://schemas.microsoft.com/office/drawing/2014/main" id="{D366734D-1AC1-DC65-9FD4-276B8DC0C4EE}"/>
              </a:ext>
            </a:extLst>
          </p:cNvPr>
          <p:cNvPicPr>
            <a:picLocks noChangeAspect="1"/>
          </p:cNvPicPr>
          <p:nvPr/>
        </p:nvPicPr>
        <p:blipFill rotWithShape="1">
          <a:blip cstate="hqprint" r:embed="rId5">
            <a:extLst>
              <a:ext uri="{28A0092B-C50C-407E-A947-70E740481C1C}">
                <a14:useLocalDpi xmlns:a14="http://schemas.microsoft.com/office/drawing/2010/main" val="0"/>
              </a:ext>
            </a:extLst>
          </a:blip>
          <a:srcRect t="14413"/>
          <a:stretch/>
        </p:blipFill>
        <p:spPr>
          <a:xfrm>
            <a:off x="6390218" y="4346325"/>
            <a:ext cx="989252" cy="846678"/>
          </a:xfrm>
          <a:prstGeom prst="rect">
            <a:avLst/>
          </a:prstGeom>
        </p:spPr>
      </p:pic>
      <p:pic>
        <p:nvPicPr>
          <p:cNvPr descr="A picture containing text, object, first-aid kit  Description automatically generated" id="100" name="Picture 99">
            <a:extLst>
              <a:ext uri="{FF2B5EF4-FFF2-40B4-BE49-F238E27FC236}">
                <a16:creationId xmlns:a16="http://schemas.microsoft.com/office/drawing/2014/main" id="{A3DED551-C95F-F437-A738-D8A68778FE97}"/>
              </a:ext>
            </a:extLst>
          </p:cNvPr>
          <p:cNvPicPr>
            <a:picLocks noChangeAspect="1"/>
          </p:cNvPicPr>
          <p:nvPr/>
        </p:nvPicPr>
        <p:blipFill rotWithShape="1">
          <a:blip cstate="hqprint" r:embed="rId5">
            <a:extLst>
              <a:ext uri="{28A0092B-C50C-407E-A947-70E740481C1C}">
                <a14:useLocalDpi xmlns:a14="http://schemas.microsoft.com/office/drawing/2010/main" val="0"/>
              </a:ext>
            </a:extLst>
          </a:blip>
          <a:srcRect t="14413"/>
          <a:stretch/>
        </p:blipFill>
        <p:spPr>
          <a:xfrm>
            <a:off x="7318285" y="4346325"/>
            <a:ext cx="989252" cy="846678"/>
          </a:xfrm>
          <a:prstGeom prst="rect">
            <a:avLst/>
          </a:prstGeom>
        </p:spPr>
      </p:pic>
      <p:pic>
        <p:nvPicPr>
          <p:cNvPr descr="A picture containing text, object, first-aid kit  Description automatically generated" id="101" name="Picture 100">
            <a:extLst>
              <a:ext uri="{FF2B5EF4-FFF2-40B4-BE49-F238E27FC236}">
                <a16:creationId xmlns:a16="http://schemas.microsoft.com/office/drawing/2014/main" id="{E640BDF0-23F9-B961-A67B-BCF4952B033F}"/>
              </a:ext>
            </a:extLst>
          </p:cNvPr>
          <p:cNvPicPr>
            <a:picLocks noChangeAspect="1"/>
          </p:cNvPicPr>
          <p:nvPr/>
        </p:nvPicPr>
        <p:blipFill rotWithShape="1">
          <a:blip cstate="hqprint" r:embed="rId5">
            <a:extLst>
              <a:ext uri="{28A0092B-C50C-407E-A947-70E740481C1C}">
                <a14:useLocalDpi xmlns:a14="http://schemas.microsoft.com/office/drawing/2010/main" val="0"/>
              </a:ext>
            </a:extLst>
          </a:blip>
          <a:srcRect t="14413"/>
          <a:stretch/>
        </p:blipFill>
        <p:spPr>
          <a:xfrm>
            <a:off x="8246351" y="4346325"/>
            <a:ext cx="989252" cy="846678"/>
          </a:xfrm>
          <a:prstGeom prst="rect">
            <a:avLst/>
          </a:prstGeom>
        </p:spPr>
      </p:pic>
      <p:cxnSp>
        <p:nvCxnSpPr>
          <p:cNvPr id="102" name="Connector: Elbow 51">
            <a:extLst>
              <a:ext uri="{FF2B5EF4-FFF2-40B4-BE49-F238E27FC236}">
                <a16:creationId xmlns:a16="http://schemas.microsoft.com/office/drawing/2014/main" id="{B8A67A28-8A09-CB79-460C-270265E7A95C}"/>
              </a:ext>
            </a:extLst>
          </p:cNvPr>
          <p:cNvCxnSpPr>
            <a:cxnSpLocks/>
            <a:endCxn id="101" idx="0"/>
          </p:cNvCxnSpPr>
          <p:nvPr/>
        </p:nvCxnSpPr>
        <p:spPr>
          <a:xfrm>
            <a:off x="7389876" y="4236722"/>
            <a:ext cx="1351101"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03" name="Connector: Elbow 52">
            <a:extLst>
              <a:ext uri="{FF2B5EF4-FFF2-40B4-BE49-F238E27FC236}">
                <a16:creationId xmlns:a16="http://schemas.microsoft.com/office/drawing/2014/main" id="{9676F0DE-79E4-57A7-E43E-54334EC1B821}"/>
              </a:ext>
            </a:extLst>
          </p:cNvPr>
          <p:cNvCxnSpPr>
            <a:cxnSpLocks/>
            <a:stCxn id="92" idx="4"/>
            <a:endCxn id="99" idx="0"/>
          </p:cNvCxnSpPr>
          <p:nvPr/>
        </p:nvCxnSpPr>
        <p:spPr>
          <a:xfrm rot="5400000">
            <a:off x="7479462" y="3533781"/>
            <a:ext cx="217926" cy="1407162"/>
          </a:xfrm>
          <a:prstGeom prst="bentConnector3">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04" name="Connector: Elbow 53">
            <a:extLst>
              <a:ext uri="{FF2B5EF4-FFF2-40B4-BE49-F238E27FC236}">
                <a16:creationId xmlns:a16="http://schemas.microsoft.com/office/drawing/2014/main" id="{4262E25C-47A7-CA29-C641-695DAA4B9D37}"/>
              </a:ext>
            </a:extLst>
          </p:cNvPr>
          <p:cNvCxnSpPr>
            <a:cxnSpLocks/>
            <a:endCxn id="100" idx="0"/>
          </p:cNvCxnSpPr>
          <p:nvPr/>
        </p:nvCxnSpPr>
        <p:spPr>
          <a:xfrm>
            <a:off x="7389876" y="4236722"/>
            <a:ext cx="423035" cy="109603"/>
          </a:xfrm>
          <a:prstGeom prst="bentConnector2">
            <a:avLst/>
          </a:prstGeom>
          <a:ln cap="rnd" w="22225">
            <a:solidFill>
              <a:srgbClr val="276696"/>
            </a:solidFill>
            <a:prstDash val="solid"/>
            <a:headEnd len="lg" type="none" w="lg"/>
            <a:tailEnd len="sm" type="triangle" w="lg"/>
          </a:ln>
        </p:spPr>
        <p:style>
          <a:lnRef idx="1">
            <a:schemeClr val="accent1"/>
          </a:lnRef>
          <a:fillRef idx="0">
            <a:schemeClr val="accent1"/>
          </a:fillRef>
          <a:effectRef idx="0">
            <a:schemeClr val="accent1"/>
          </a:effectRef>
          <a:fontRef idx="minor">
            <a:schemeClr val="tx1"/>
          </a:fontRef>
        </p:style>
      </p:cxnSp>
      <p:cxnSp>
        <p:nvCxnSpPr>
          <p:cNvPr id="105" name="Connector: Elbow 44">
            <a:extLst>
              <a:ext uri="{FF2B5EF4-FFF2-40B4-BE49-F238E27FC236}">
                <a16:creationId xmlns:a16="http://schemas.microsoft.com/office/drawing/2014/main" id="{DEE6D86A-E795-C3DD-A725-B8BA75F98143}"/>
              </a:ext>
            </a:extLst>
          </p:cNvPr>
          <p:cNvCxnSpPr>
            <a:cxnSpLocks/>
            <a:stCxn id="88" idx="4"/>
            <a:endCxn id="90" idx="0"/>
          </p:cNvCxnSpPr>
          <p:nvPr/>
        </p:nvCxnSpPr>
        <p:spPr>
          <a:xfrm rot="5400000">
            <a:off x="6468408" y="3229309"/>
            <a:ext cx="313425" cy="369213"/>
          </a:xfrm>
          <a:prstGeom prst="bentConnector3">
            <a:avLst/>
          </a:prstGeom>
          <a:ln cap="rnd" w="22225">
            <a:solidFill>
              <a:srgbClr val="276696"/>
            </a:solidFill>
            <a:prstDash val="solid"/>
            <a:headEnd len="lg" type="none" w="lg"/>
            <a:tailEnd len="lg" type="triangle" w="lg"/>
          </a:ln>
        </p:spPr>
        <p:style>
          <a:lnRef idx="1">
            <a:schemeClr val="accent1"/>
          </a:lnRef>
          <a:fillRef idx="0">
            <a:schemeClr val="accent1"/>
          </a:fillRef>
          <a:effectRef idx="0">
            <a:schemeClr val="accent1"/>
          </a:effectRef>
          <a:fontRef idx="minor">
            <a:schemeClr val="tx1"/>
          </a:fontRef>
        </p:style>
      </p:cxnSp>
      <p:sp>
        <p:nvSpPr>
          <p:cNvPr id="106" name="Rectangle: Rounded Corners 99">
            <a:extLst>
              <a:ext uri="{FF2B5EF4-FFF2-40B4-BE49-F238E27FC236}">
                <a16:creationId xmlns:a16="http://schemas.microsoft.com/office/drawing/2014/main" id="{C5586C92-E10B-26C3-7F0F-EF73991871BD}"/>
              </a:ext>
            </a:extLst>
          </p:cNvPr>
          <p:cNvSpPr/>
          <p:nvPr/>
        </p:nvSpPr>
        <p:spPr>
          <a:xfrm>
            <a:off x="5602685" y="4235308"/>
            <a:ext cx="3481044" cy="952665"/>
          </a:xfrm>
          <a:prstGeom prst="roundRect">
            <a:avLst>
              <a:gd fmla="val 10159" name="adj"/>
            </a:avLst>
          </a:prstGeom>
          <a:no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1082473399"/>
      </p:ext>
    </p:extLst>
  </p:cSld>
  <p:clrMapOvr>
    <a:masterClrMapping/>
  </p:clrMapOvr>
  <mc:AlternateContent xmlns:mc="http://schemas.openxmlformats.org/markup-compatibility/2006" xmlns:p159="http://schemas.microsoft.com/office/powerpoint/2015/09/main">
    <mc:Choice Requires="p159">
      <p:transition advTm="11782" spd="slow">
        <p159:morph option="byObject"/>
      </p:transition>
    </mc:Choice>
    <mc:Fallback xmlns="">
      <p:transition advTm="11782"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74"/>
                                        </p:tgtEl>
                                        <p:attrNameLst>
                                          <p:attrName>style.visibility</p:attrName>
                                        </p:attrNameLst>
                                      </p:cBhvr>
                                      <p:to>
                                        <p:strVal val="visible"/>
                                      </p:to>
                                    </p:set>
                                    <p:anim calcmode="lin" valueType="num">
                                      <p:cBhvr additive="base">
                                        <p:cTn dur="500" fill="hold" id="7"/>
                                        <p:tgtEl>
                                          <p:spTgt spid="74"/>
                                        </p:tgtEl>
                                        <p:attrNameLst>
                                          <p:attrName>ppt_x</p:attrName>
                                        </p:attrNameLst>
                                      </p:cBhvr>
                                      <p:tavLst>
                                        <p:tav tm="0">
                                          <p:val>
                                            <p:strVal val="0-#ppt_w/2"/>
                                          </p:val>
                                        </p:tav>
                                        <p:tav tm="100000">
                                          <p:val>
                                            <p:strVal val="#ppt_x"/>
                                          </p:val>
                                        </p:tav>
                                      </p:tavLst>
                                    </p:anim>
                                    <p:anim calcmode="lin" valueType="num">
                                      <p:cBhvr additive="base">
                                        <p:cTn dur="500" fill="hold" id="8"/>
                                        <p:tgtEl>
                                          <p:spTgt spid="74"/>
                                        </p:tgtEl>
                                        <p:attrNameLst>
                                          <p:attrName>ppt_y</p:attrName>
                                        </p:attrNameLst>
                                      </p:cBhvr>
                                      <p:tavLst>
                                        <p:tav tm="0">
                                          <p:val>
                                            <p:strVal val="#ppt_y"/>
                                          </p:val>
                                        </p:tav>
                                        <p:tav tm="100000">
                                          <p:val>
                                            <p:strVal val="#ppt_y"/>
                                          </p:val>
                                        </p:tav>
                                      </p:tavLst>
                                    </p:anim>
                                  </p:childTnLst>
                                </p:cTn>
                              </p:par>
                              <p:par>
                                <p:cTn fill="hold" id="9" nodeType="withEffect" presetClass="entr" presetID="2" presetSubtype="8">
                                  <p:stCondLst>
                                    <p:cond delay="0"/>
                                  </p:stCondLst>
                                  <p:childTnLst>
                                    <p:set>
                                      <p:cBhvr>
                                        <p:cTn dur="1" fill="hold" id="10">
                                          <p:stCondLst>
                                            <p:cond delay="0"/>
                                          </p:stCondLst>
                                        </p:cTn>
                                        <p:tgtEl>
                                          <p:spTgt spid="3"/>
                                        </p:tgtEl>
                                        <p:attrNameLst>
                                          <p:attrName>style.visibility</p:attrName>
                                        </p:attrNameLst>
                                      </p:cBhvr>
                                      <p:to>
                                        <p:strVal val="visible"/>
                                      </p:to>
                                    </p:set>
                                    <p:anim calcmode="lin" valueType="num">
                                      <p:cBhvr additive="base">
                                        <p:cTn dur="500" fill="hold" id="11"/>
                                        <p:tgtEl>
                                          <p:spTgt spid="3"/>
                                        </p:tgtEl>
                                        <p:attrNameLst>
                                          <p:attrName>ppt_x</p:attrName>
                                        </p:attrNameLst>
                                      </p:cBhvr>
                                      <p:tavLst>
                                        <p:tav tm="0">
                                          <p:val>
                                            <p:strVal val="0-#ppt_w/2"/>
                                          </p:val>
                                        </p:tav>
                                        <p:tav tm="100000">
                                          <p:val>
                                            <p:strVal val="#ppt_x"/>
                                          </p:val>
                                        </p:tav>
                                      </p:tavLst>
                                    </p:anim>
                                    <p:anim calcmode="lin" valueType="num">
                                      <p:cBhvr additive="base">
                                        <p:cTn dur="500" fill="hold" id="12"/>
                                        <p:tgtEl>
                                          <p:spTgt spid="3"/>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 presetSubtype="2">
                                  <p:stCondLst>
                                    <p:cond delay="0"/>
                                  </p:stCondLst>
                                  <p:childTnLst>
                                    <p:set>
                                      <p:cBhvr>
                                        <p:cTn dur="1" fill="hold" id="16">
                                          <p:stCondLst>
                                            <p:cond delay="0"/>
                                          </p:stCondLst>
                                        </p:cTn>
                                        <p:tgtEl>
                                          <p:spTgt spid="87"/>
                                        </p:tgtEl>
                                        <p:attrNameLst>
                                          <p:attrName>style.visibility</p:attrName>
                                        </p:attrNameLst>
                                      </p:cBhvr>
                                      <p:to>
                                        <p:strVal val="visible"/>
                                      </p:to>
                                    </p:set>
                                    <p:anim calcmode="lin" valueType="num">
                                      <p:cBhvr additive="base">
                                        <p:cTn dur="500" fill="hold" id="17"/>
                                        <p:tgtEl>
                                          <p:spTgt spid="87"/>
                                        </p:tgtEl>
                                        <p:attrNameLst>
                                          <p:attrName>ppt_x</p:attrName>
                                        </p:attrNameLst>
                                      </p:cBhvr>
                                      <p:tavLst>
                                        <p:tav tm="0">
                                          <p:val>
                                            <p:strVal val="1+#ppt_w/2"/>
                                          </p:val>
                                        </p:tav>
                                        <p:tav tm="100000">
                                          <p:val>
                                            <p:strVal val="#ppt_x"/>
                                          </p:val>
                                        </p:tav>
                                      </p:tavLst>
                                    </p:anim>
                                    <p:anim calcmode="lin" valueType="num">
                                      <p:cBhvr additive="base">
                                        <p:cTn dur="500" fill="hold" id="18"/>
                                        <p:tgtEl>
                                          <p:spTgt spid="87"/>
                                        </p:tgtEl>
                                        <p:attrNameLst>
                                          <p:attrName>ppt_y</p:attrName>
                                        </p:attrNameLst>
                                      </p:cBhvr>
                                      <p:tavLst>
                                        <p:tav tm="0">
                                          <p:val>
                                            <p:strVal val="#ppt_y"/>
                                          </p:val>
                                        </p:tav>
                                        <p:tav tm="100000">
                                          <p:val>
                                            <p:strVal val="#ppt_y"/>
                                          </p:val>
                                        </p:tav>
                                      </p:tavLst>
                                    </p:anim>
                                  </p:childTnLst>
                                </p:cTn>
                              </p:par>
                              <p:par>
                                <p:cTn fill="hold" grpId="0" id="19" nodeType="withEffect" presetClass="entr" presetID="2" presetSubtype="2">
                                  <p:stCondLst>
                                    <p:cond delay="0"/>
                                  </p:stCondLst>
                                  <p:childTnLst>
                                    <p:set>
                                      <p:cBhvr>
                                        <p:cTn dur="1" fill="hold" id="20">
                                          <p:stCondLst>
                                            <p:cond delay="0"/>
                                          </p:stCondLst>
                                        </p:cTn>
                                        <p:tgtEl>
                                          <p:spTgt spid="88"/>
                                        </p:tgtEl>
                                        <p:attrNameLst>
                                          <p:attrName>style.visibility</p:attrName>
                                        </p:attrNameLst>
                                      </p:cBhvr>
                                      <p:to>
                                        <p:strVal val="visible"/>
                                      </p:to>
                                    </p:set>
                                    <p:anim calcmode="lin" valueType="num">
                                      <p:cBhvr additive="base">
                                        <p:cTn dur="500" fill="hold" id="21"/>
                                        <p:tgtEl>
                                          <p:spTgt spid="88"/>
                                        </p:tgtEl>
                                        <p:attrNameLst>
                                          <p:attrName>ppt_x</p:attrName>
                                        </p:attrNameLst>
                                      </p:cBhvr>
                                      <p:tavLst>
                                        <p:tav tm="0">
                                          <p:val>
                                            <p:strVal val="1+#ppt_w/2"/>
                                          </p:val>
                                        </p:tav>
                                        <p:tav tm="100000">
                                          <p:val>
                                            <p:strVal val="#ppt_x"/>
                                          </p:val>
                                        </p:tav>
                                      </p:tavLst>
                                    </p:anim>
                                    <p:anim calcmode="lin" valueType="num">
                                      <p:cBhvr additive="base">
                                        <p:cTn dur="500" fill="hold" id="22"/>
                                        <p:tgtEl>
                                          <p:spTgt spid="88"/>
                                        </p:tgtEl>
                                        <p:attrNameLst>
                                          <p:attrName>ppt_y</p:attrName>
                                        </p:attrNameLst>
                                      </p:cBhvr>
                                      <p:tavLst>
                                        <p:tav tm="0">
                                          <p:val>
                                            <p:strVal val="#ppt_y"/>
                                          </p:val>
                                        </p:tav>
                                        <p:tav tm="100000">
                                          <p:val>
                                            <p:strVal val="#ppt_y"/>
                                          </p:val>
                                        </p:tav>
                                      </p:tavLst>
                                    </p:anim>
                                  </p:childTnLst>
                                </p:cTn>
                              </p:par>
                              <p:par>
                                <p:cTn fill="hold" grpId="0" id="23" nodeType="withEffect" presetClass="entr" presetID="2" presetSubtype="2">
                                  <p:stCondLst>
                                    <p:cond delay="0"/>
                                  </p:stCondLst>
                                  <p:childTnLst>
                                    <p:set>
                                      <p:cBhvr>
                                        <p:cTn dur="1" fill="hold" id="24">
                                          <p:stCondLst>
                                            <p:cond delay="0"/>
                                          </p:stCondLst>
                                        </p:cTn>
                                        <p:tgtEl>
                                          <p:spTgt spid="89"/>
                                        </p:tgtEl>
                                        <p:attrNameLst>
                                          <p:attrName>style.visibility</p:attrName>
                                        </p:attrNameLst>
                                      </p:cBhvr>
                                      <p:to>
                                        <p:strVal val="visible"/>
                                      </p:to>
                                    </p:set>
                                    <p:anim calcmode="lin" valueType="num">
                                      <p:cBhvr additive="base">
                                        <p:cTn dur="500" fill="hold" id="25"/>
                                        <p:tgtEl>
                                          <p:spTgt spid="89"/>
                                        </p:tgtEl>
                                        <p:attrNameLst>
                                          <p:attrName>ppt_x</p:attrName>
                                        </p:attrNameLst>
                                      </p:cBhvr>
                                      <p:tavLst>
                                        <p:tav tm="0">
                                          <p:val>
                                            <p:strVal val="1+#ppt_w/2"/>
                                          </p:val>
                                        </p:tav>
                                        <p:tav tm="100000">
                                          <p:val>
                                            <p:strVal val="#ppt_x"/>
                                          </p:val>
                                        </p:tav>
                                      </p:tavLst>
                                    </p:anim>
                                    <p:anim calcmode="lin" valueType="num">
                                      <p:cBhvr additive="base">
                                        <p:cTn dur="500" fill="hold" id="26"/>
                                        <p:tgtEl>
                                          <p:spTgt spid="89"/>
                                        </p:tgtEl>
                                        <p:attrNameLst>
                                          <p:attrName>ppt_y</p:attrName>
                                        </p:attrNameLst>
                                      </p:cBhvr>
                                      <p:tavLst>
                                        <p:tav tm="0">
                                          <p:val>
                                            <p:strVal val="#ppt_y"/>
                                          </p:val>
                                        </p:tav>
                                        <p:tav tm="100000">
                                          <p:val>
                                            <p:strVal val="#ppt_y"/>
                                          </p:val>
                                        </p:tav>
                                      </p:tavLst>
                                    </p:anim>
                                  </p:childTnLst>
                                </p:cTn>
                              </p:par>
                              <p:par>
                                <p:cTn fill="hold" grpId="0" id="27" nodeType="withEffect" presetClass="entr" presetID="2" presetSubtype="2">
                                  <p:stCondLst>
                                    <p:cond delay="0"/>
                                  </p:stCondLst>
                                  <p:childTnLst>
                                    <p:set>
                                      <p:cBhvr>
                                        <p:cTn dur="1" fill="hold" id="28">
                                          <p:stCondLst>
                                            <p:cond delay="0"/>
                                          </p:stCondLst>
                                        </p:cTn>
                                        <p:tgtEl>
                                          <p:spTgt spid="90"/>
                                        </p:tgtEl>
                                        <p:attrNameLst>
                                          <p:attrName>style.visibility</p:attrName>
                                        </p:attrNameLst>
                                      </p:cBhvr>
                                      <p:to>
                                        <p:strVal val="visible"/>
                                      </p:to>
                                    </p:set>
                                    <p:anim calcmode="lin" valueType="num">
                                      <p:cBhvr additive="base">
                                        <p:cTn dur="500" fill="hold" id="29"/>
                                        <p:tgtEl>
                                          <p:spTgt spid="90"/>
                                        </p:tgtEl>
                                        <p:attrNameLst>
                                          <p:attrName>ppt_x</p:attrName>
                                        </p:attrNameLst>
                                      </p:cBhvr>
                                      <p:tavLst>
                                        <p:tav tm="0">
                                          <p:val>
                                            <p:strVal val="1+#ppt_w/2"/>
                                          </p:val>
                                        </p:tav>
                                        <p:tav tm="100000">
                                          <p:val>
                                            <p:strVal val="#ppt_x"/>
                                          </p:val>
                                        </p:tav>
                                      </p:tavLst>
                                    </p:anim>
                                    <p:anim calcmode="lin" valueType="num">
                                      <p:cBhvr additive="base">
                                        <p:cTn dur="500" fill="hold" id="30"/>
                                        <p:tgtEl>
                                          <p:spTgt spid="90"/>
                                        </p:tgtEl>
                                        <p:attrNameLst>
                                          <p:attrName>ppt_y</p:attrName>
                                        </p:attrNameLst>
                                      </p:cBhvr>
                                      <p:tavLst>
                                        <p:tav tm="0">
                                          <p:val>
                                            <p:strVal val="#ppt_y"/>
                                          </p:val>
                                        </p:tav>
                                        <p:tav tm="100000">
                                          <p:val>
                                            <p:strVal val="#ppt_y"/>
                                          </p:val>
                                        </p:tav>
                                      </p:tavLst>
                                    </p:anim>
                                  </p:childTnLst>
                                </p:cTn>
                              </p:par>
                              <p:par>
                                <p:cTn fill="hold" grpId="0" id="31" nodeType="withEffect" presetClass="entr" presetID="2" presetSubtype="2">
                                  <p:stCondLst>
                                    <p:cond delay="0"/>
                                  </p:stCondLst>
                                  <p:childTnLst>
                                    <p:set>
                                      <p:cBhvr>
                                        <p:cTn dur="1" fill="hold" id="32">
                                          <p:stCondLst>
                                            <p:cond delay="0"/>
                                          </p:stCondLst>
                                        </p:cTn>
                                        <p:tgtEl>
                                          <p:spTgt spid="91"/>
                                        </p:tgtEl>
                                        <p:attrNameLst>
                                          <p:attrName>style.visibility</p:attrName>
                                        </p:attrNameLst>
                                      </p:cBhvr>
                                      <p:to>
                                        <p:strVal val="visible"/>
                                      </p:to>
                                    </p:set>
                                    <p:anim calcmode="lin" valueType="num">
                                      <p:cBhvr additive="base">
                                        <p:cTn dur="500" fill="hold" id="33"/>
                                        <p:tgtEl>
                                          <p:spTgt spid="91"/>
                                        </p:tgtEl>
                                        <p:attrNameLst>
                                          <p:attrName>ppt_x</p:attrName>
                                        </p:attrNameLst>
                                      </p:cBhvr>
                                      <p:tavLst>
                                        <p:tav tm="0">
                                          <p:val>
                                            <p:strVal val="1+#ppt_w/2"/>
                                          </p:val>
                                        </p:tav>
                                        <p:tav tm="100000">
                                          <p:val>
                                            <p:strVal val="#ppt_x"/>
                                          </p:val>
                                        </p:tav>
                                      </p:tavLst>
                                    </p:anim>
                                    <p:anim calcmode="lin" valueType="num">
                                      <p:cBhvr additive="base">
                                        <p:cTn dur="500" fill="hold" id="34"/>
                                        <p:tgtEl>
                                          <p:spTgt spid="91"/>
                                        </p:tgtEl>
                                        <p:attrNameLst>
                                          <p:attrName>ppt_y</p:attrName>
                                        </p:attrNameLst>
                                      </p:cBhvr>
                                      <p:tavLst>
                                        <p:tav tm="0">
                                          <p:val>
                                            <p:strVal val="#ppt_y"/>
                                          </p:val>
                                        </p:tav>
                                        <p:tav tm="100000">
                                          <p:val>
                                            <p:strVal val="#ppt_y"/>
                                          </p:val>
                                        </p:tav>
                                      </p:tavLst>
                                    </p:anim>
                                  </p:childTnLst>
                                </p:cTn>
                              </p:par>
                              <p:par>
                                <p:cTn fill="hold" grpId="0" id="35" nodeType="withEffect" presetClass="entr" presetID="2" presetSubtype="2">
                                  <p:stCondLst>
                                    <p:cond delay="0"/>
                                  </p:stCondLst>
                                  <p:childTnLst>
                                    <p:set>
                                      <p:cBhvr>
                                        <p:cTn dur="1" fill="hold" id="36">
                                          <p:stCondLst>
                                            <p:cond delay="0"/>
                                          </p:stCondLst>
                                        </p:cTn>
                                        <p:tgtEl>
                                          <p:spTgt spid="92"/>
                                        </p:tgtEl>
                                        <p:attrNameLst>
                                          <p:attrName>style.visibility</p:attrName>
                                        </p:attrNameLst>
                                      </p:cBhvr>
                                      <p:to>
                                        <p:strVal val="visible"/>
                                      </p:to>
                                    </p:set>
                                    <p:anim calcmode="lin" valueType="num">
                                      <p:cBhvr additive="base">
                                        <p:cTn dur="500" fill="hold" id="37"/>
                                        <p:tgtEl>
                                          <p:spTgt spid="92"/>
                                        </p:tgtEl>
                                        <p:attrNameLst>
                                          <p:attrName>ppt_x</p:attrName>
                                        </p:attrNameLst>
                                      </p:cBhvr>
                                      <p:tavLst>
                                        <p:tav tm="0">
                                          <p:val>
                                            <p:strVal val="1+#ppt_w/2"/>
                                          </p:val>
                                        </p:tav>
                                        <p:tav tm="100000">
                                          <p:val>
                                            <p:strVal val="#ppt_x"/>
                                          </p:val>
                                        </p:tav>
                                      </p:tavLst>
                                    </p:anim>
                                    <p:anim calcmode="lin" valueType="num">
                                      <p:cBhvr additive="base">
                                        <p:cTn dur="500" fill="hold" id="38"/>
                                        <p:tgtEl>
                                          <p:spTgt spid="92"/>
                                        </p:tgtEl>
                                        <p:attrNameLst>
                                          <p:attrName>ppt_y</p:attrName>
                                        </p:attrNameLst>
                                      </p:cBhvr>
                                      <p:tavLst>
                                        <p:tav tm="0">
                                          <p:val>
                                            <p:strVal val="#ppt_y"/>
                                          </p:val>
                                        </p:tav>
                                        <p:tav tm="100000">
                                          <p:val>
                                            <p:strVal val="#ppt_y"/>
                                          </p:val>
                                        </p:tav>
                                      </p:tavLst>
                                    </p:anim>
                                  </p:childTnLst>
                                </p:cTn>
                              </p:par>
                              <p:par>
                                <p:cTn fill="hold" id="39" nodeType="withEffect" presetClass="entr" presetID="2" presetSubtype="2">
                                  <p:stCondLst>
                                    <p:cond delay="0"/>
                                  </p:stCondLst>
                                  <p:childTnLst>
                                    <p:set>
                                      <p:cBhvr>
                                        <p:cTn dur="1" fill="hold" id="40">
                                          <p:stCondLst>
                                            <p:cond delay="0"/>
                                          </p:stCondLst>
                                        </p:cTn>
                                        <p:tgtEl>
                                          <p:spTgt spid="93"/>
                                        </p:tgtEl>
                                        <p:attrNameLst>
                                          <p:attrName>style.visibility</p:attrName>
                                        </p:attrNameLst>
                                      </p:cBhvr>
                                      <p:to>
                                        <p:strVal val="visible"/>
                                      </p:to>
                                    </p:set>
                                    <p:anim calcmode="lin" valueType="num">
                                      <p:cBhvr additive="base">
                                        <p:cTn dur="500" fill="hold" id="41"/>
                                        <p:tgtEl>
                                          <p:spTgt spid="93"/>
                                        </p:tgtEl>
                                        <p:attrNameLst>
                                          <p:attrName>ppt_x</p:attrName>
                                        </p:attrNameLst>
                                      </p:cBhvr>
                                      <p:tavLst>
                                        <p:tav tm="0">
                                          <p:val>
                                            <p:strVal val="1+#ppt_w/2"/>
                                          </p:val>
                                        </p:tav>
                                        <p:tav tm="100000">
                                          <p:val>
                                            <p:strVal val="#ppt_x"/>
                                          </p:val>
                                        </p:tav>
                                      </p:tavLst>
                                    </p:anim>
                                    <p:anim calcmode="lin" valueType="num">
                                      <p:cBhvr additive="base">
                                        <p:cTn dur="500" fill="hold" id="42"/>
                                        <p:tgtEl>
                                          <p:spTgt spid="93"/>
                                        </p:tgtEl>
                                        <p:attrNameLst>
                                          <p:attrName>ppt_y</p:attrName>
                                        </p:attrNameLst>
                                      </p:cBhvr>
                                      <p:tavLst>
                                        <p:tav tm="0">
                                          <p:val>
                                            <p:strVal val="#ppt_y"/>
                                          </p:val>
                                        </p:tav>
                                        <p:tav tm="100000">
                                          <p:val>
                                            <p:strVal val="#ppt_y"/>
                                          </p:val>
                                        </p:tav>
                                      </p:tavLst>
                                    </p:anim>
                                  </p:childTnLst>
                                </p:cTn>
                              </p:par>
                              <p:par>
                                <p:cTn fill="hold" id="43" nodeType="withEffect" presetClass="entr" presetID="2" presetSubtype="2">
                                  <p:stCondLst>
                                    <p:cond delay="0"/>
                                  </p:stCondLst>
                                  <p:childTnLst>
                                    <p:set>
                                      <p:cBhvr>
                                        <p:cTn dur="1" fill="hold" id="44">
                                          <p:stCondLst>
                                            <p:cond delay="0"/>
                                          </p:stCondLst>
                                        </p:cTn>
                                        <p:tgtEl>
                                          <p:spTgt spid="94"/>
                                        </p:tgtEl>
                                        <p:attrNameLst>
                                          <p:attrName>style.visibility</p:attrName>
                                        </p:attrNameLst>
                                      </p:cBhvr>
                                      <p:to>
                                        <p:strVal val="visible"/>
                                      </p:to>
                                    </p:set>
                                    <p:anim calcmode="lin" valueType="num">
                                      <p:cBhvr additive="base">
                                        <p:cTn dur="500" fill="hold" id="45"/>
                                        <p:tgtEl>
                                          <p:spTgt spid="94"/>
                                        </p:tgtEl>
                                        <p:attrNameLst>
                                          <p:attrName>ppt_x</p:attrName>
                                        </p:attrNameLst>
                                      </p:cBhvr>
                                      <p:tavLst>
                                        <p:tav tm="0">
                                          <p:val>
                                            <p:strVal val="1+#ppt_w/2"/>
                                          </p:val>
                                        </p:tav>
                                        <p:tav tm="100000">
                                          <p:val>
                                            <p:strVal val="#ppt_x"/>
                                          </p:val>
                                        </p:tav>
                                      </p:tavLst>
                                    </p:anim>
                                    <p:anim calcmode="lin" valueType="num">
                                      <p:cBhvr additive="base">
                                        <p:cTn dur="500" fill="hold" id="46"/>
                                        <p:tgtEl>
                                          <p:spTgt spid="94"/>
                                        </p:tgtEl>
                                        <p:attrNameLst>
                                          <p:attrName>ppt_y</p:attrName>
                                        </p:attrNameLst>
                                      </p:cBhvr>
                                      <p:tavLst>
                                        <p:tav tm="0">
                                          <p:val>
                                            <p:strVal val="#ppt_y"/>
                                          </p:val>
                                        </p:tav>
                                        <p:tav tm="100000">
                                          <p:val>
                                            <p:strVal val="#ppt_y"/>
                                          </p:val>
                                        </p:tav>
                                      </p:tavLst>
                                    </p:anim>
                                  </p:childTnLst>
                                </p:cTn>
                              </p:par>
                              <p:par>
                                <p:cTn fill="hold" id="47" nodeType="withEffect" presetClass="entr" presetID="2" presetSubtype="2">
                                  <p:stCondLst>
                                    <p:cond delay="0"/>
                                  </p:stCondLst>
                                  <p:childTnLst>
                                    <p:set>
                                      <p:cBhvr>
                                        <p:cTn dur="1" fill="hold" id="48">
                                          <p:stCondLst>
                                            <p:cond delay="0"/>
                                          </p:stCondLst>
                                        </p:cTn>
                                        <p:tgtEl>
                                          <p:spTgt spid="95"/>
                                        </p:tgtEl>
                                        <p:attrNameLst>
                                          <p:attrName>style.visibility</p:attrName>
                                        </p:attrNameLst>
                                      </p:cBhvr>
                                      <p:to>
                                        <p:strVal val="visible"/>
                                      </p:to>
                                    </p:set>
                                    <p:anim calcmode="lin" valueType="num">
                                      <p:cBhvr additive="base">
                                        <p:cTn dur="500" fill="hold" id="49"/>
                                        <p:tgtEl>
                                          <p:spTgt spid="95"/>
                                        </p:tgtEl>
                                        <p:attrNameLst>
                                          <p:attrName>ppt_x</p:attrName>
                                        </p:attrNameLst>
                                      </p:cBhvr>
                                      <p:tavLst>
                                        <p:tav tm="0">
                                          <p:val>
                                            <p:strVal val="1+#ppt_w/2"/>
                                          </p:val>
                                        </p:tav>
                                        <p:tav tm="100000">
                                          <p:val>
                                            <p:strVal val="#ppt_x"/>
                                          </p:val>
                                        </p:tav>
                                      </p:tavLst>
                                    </p:anim>
                                    <p:anim calcmode="lin" valueType="num">
                                      <p:cBhvr additive="base">
                                        <p:cTn dur="500" fill="hold" id="50"/>
                                        <p:tgtEl>
                                          <p:spTgt spid="95"/>
                                        </p:tgtEl>
                                        <p:attrNameLst>
                                          <p:attrName>ppt_y</p:attrName>
                                        </p:attrNameLst>
                                      </p:cBhvr>
                                      <p:tavLst>
                                        <p:tav tm="0">
                                          <p:val>
                                            <p:strVal val="#ppt_y"/>
                                          </p:val>
                                        </p:tav>
                                        <p:tav tm="100000">
                                          <p:val>
                                            <p:strVal val="#ppt_y"/>
                                          </p:val>
                                        </p:tav>
                                      </p:tavLst>
                                    </p:anim>
                                  </p:childTnLst>
                                </p:cTn>
                              </p:par>
                              <p:par>
                                <p:cTn fill="hold" id="51" nodeType="withEffect" presetClass="entr" presetID="2" presetSubtype="2">
                                  <p:stCondLst>
                                    <p:cond delay="0"/>
                                  </p:stCondLst>
                                  <p:childTnLst>
                                    <p:set>
                                      <p:cBhvr>
                                        <p:cTn dur="1" fill="hold" id="52">
                                          <p:stCondLst>
                                            <p:cond delay="0"/>
                                          </p:stCondLst>
                                        </p:cTn>
                                        <p:tgtEl>
                                          <p:spTgt spid="96"/>
                                        </p:tgtEl>
                                        <p:attrNameLst>
                                          <p:attrName>style.visibility</p:attrName>
                                        </p:attrNameLst>
                                      </p:cBhvr>
                                      <p:to>
                                        <p:strVal val="visible"/>
                                      </p:to>
                                    </p:set>
                                    <p:anim calcmode="lin" valueType="num">
                                      <p:cBhvr additive="base">
                                        <p:cTn dur="500" fill="hold" id="53"/>
                                        <p:tgtEl>
                                          <p:spTgt spid="96"/>
                                        </p:tgtEl>
                                        <p:attrNameLst>
                                          <p:attrName>ppt_x</p:attrName>
                                        </p:attrNameLst>
                                      </p:cBhvr>
                                      <p:tavLst>
                                        <p:tav tm="0">
                                          <p:val>
                                            <p:strVal val="1+#ppt_w/2"/>
                                          </p:val>
                                        </p:tav>
                                        <p:tav tm="100000">
                                          <p:val>
                                            <p:strVal val="#ppt_x"/>
                                          </p:val>
                                        </p:tav>
                                      </p:tavLst>
                                    </p:anim>
                                    <p:anim calcmode="lin" valueType="num">
                                      <p:cBhvr additive="base">
                                        <p:cTn dur="500" fill="hold" id="54"/>
                                        <p:tgtEl>
                                          <p:spTgt spid="96"/>
                                        </p:tgtEl>
                                        <p:attrNameLst>
                                          <p:attrName>ppt_y</p:attrName>
                                        </p:attrNameLst>
                                      </p:cBhvr>
                                      <p:tavLst>
                                        <p:tav tm="0">
                                          <p:val>
                                            <p:strVal val="#ppt_y"/>
                                          </p:val>
                                        </p:tav>
                                        <p:tav tm="100000">
                                          <p:val>
                                            <p:strVal val="#ppt_y"/>
                                          </p:val>
                                        </p:tav>
                                      </p:tavLst>
                                    </p:anim>
                                  </p:childTnLst>
                                </p:cTn>
                              </p:par>
                              <p:par>
                                <p:cTn fill="hold" id="55" nodeType="withEffect" presetClass="entr" presetID="2" presetSubtype="2">
                                  <p:stCondLst>
                                    <p:cond delay="0"/>
                                  </p:stCondLst>
                                  <p:childTnLst>
                                    <p:set>
                                      <p:cBhvr>
                                        <p:cTn dur="1" fill="hold" id="56">
                                          <p:stCondLst>
                                            <p:cond delay="0"/>
                                          </p:stCondLst>
                                        </p:cTn>
                                        <p:tgtEl>
                                          <p:spTgt spid="97"/>
                                        </p:tgtEl>
                                        <p:attrNameLst>
                                          <p:attrName>style.visibility</p:attrName>
                                        </p:attrNameLst>
                                      </p:cBhvr>
                                      <p:to>
                                        <p:strVal val="visible"/>
                                      </p:to>
                                    </p:set>
                                    <p:anim calcmode="lin" valueType="num">
                                      <p:cBhvr additive="base">
                                        <p:cTn dur="500" fill="hold" id="57"/>
                                        <p:tgtEl>
                                          <p:spTgt spid="97"/>
                                        </p:tgtEl>
                                        <p:attrNameLst>
                                          <p:attrName>ppt_x</p:attrName>
                                        </p:attrNameLst>
                                      </p:cBhvr>
                                      <p:tavLst>
                                        <p:tav tm="0">
                                          <p:val>
                                            <p:strVal val="1+#ppt_w/2"/>
                                          </p:val>
                                        </p:tav>
                                        <p:tav tm="100000">
                                          <p:val>
                                            <p:strVal val="#ppt_x"/>
                                          </p:val>
                                        </p:tav>
                                      </p:tavLst>
                                    </p:anim>
                                    <p:anim calcmode="lin" valueType="num">
                                      <p:cBhvr additive="base">
                                        <p:cTn dur="500" fill="hold" id="58"/>
                                        <p:tgtEl>
                                          <p:spTgt spid="97"/>
                                        </p:tgtEl>
                                        <p:attrNameLst>
                                          <p:attrName>ppt_y</p:attrName>
                                        </p:attrNameLst>
                                      </p:cBhvr>
                                      <p:tavLst>
                                        <p:tav tm="0">
                                          <p:val>
                                            <p:strVal val="#ppt_y"/>
                                          </p:val>
                                        </p:tav>
                                        <p:tav tm="100000">
                                          <p:val>
                                            <p:strVal val="#ppt_y"/>
                                          </p:val>
                                        </p:tav>
                                      </p:tavLst>
                                    </p:anim>
                                  </p:childTnLst>
                                </p:cTn>
                              </p:par>
                              <p:par>
                                <p:cTn fill="hold" id="59" nodeType="withEffect" presetClass="entr" presetID="2" presetSubtype="2">
                                  <p:stCondLst>
                                    <p:cond delay="0"/>
                                  </p:stCondLst>
                                  <p:childTnLst>
                                    <p:set>
                                      <p:cBhvr>
                                        <p:cTn dur="1" fill="hold" id="60">
                                          <p:stCondLst>
                                            <p:cond delay="0"/>
                                          </p:stCondLst>
                                        </p:cTn>
                                        <p:tgtEl>
                                          <p:spTgt spid="98"/>
                                        </p:tgtEl>
                                        <p:attrNameLst>
                                          <p:attrName>style.visibility</p:attrName>
                                        </p:attrNameLst>
                                      </p:cBhvr>
                                      <p:to>
                                        <p:strVal val="visible"/>
                                      </p:to>
                                    </p:set>
                                    <p:anim calcmode="lin" valueType="num">
                                      <p:cBhvr additive="base">
                                        <p:cTn dur="500" fill="hold" id="61"/>
                                        <p:tgtEl>
                                          <p:spTgt spid="98"/>
                                        </p:tgtEl>
                                        <p:attrNameLst>
                                          <p:attrName>ppt_x</p:attrName>
                                        </p:attrNameLst>
                                      </p:cBhvr>
                                      <p:tavLst>
                                        <p:tav tm="0">
                                          <p:val>
                                            <p:strVal val="1+#ppt_w/2"/>
                                          </p:val>
                                        </p:tav>
                                        <p:tav tm="100000">
                                          <p:val>
                                            <p:strVal val="#ppt_x"/>
                                          </p:val>
                                        </p:tav>
                                      </p:tavLst>
                                    </p:anim>
                                    <p:anim calcmode="lin" valueType="num">
                                      <p:cBhvr additive="base">
                                        <p:cTn dur="500" fill="hold" id="62"/>
                                        <p:tgtEl>
                                          <p:spTgt spid="98"/>
                                        </p:tgtEl>
                                        <p:attrNameLst>
                                          <p:attrName>ppt_y</p:attrName>
                                        </p:attrNameLst>
                                      </p:cBhvr>
                                      <p:tavLst>
                                        <p:tav tm="0">
                                          <p:val>
                                            <p:strVal val="#ppt_y"/>
                                          </p:val>
                                        </p:tav>
                                        <p:tav tm="100000">
                                          <p:val>
                                            <p:strVal val="#ppt_y"/>
                                          </p:val>
                                        </p:tav>
                                      </p:tavLst>
                                    </p:anim>
                                  </p:childTnLst>
                                </p:cTn>
                              </p:par>
                              <p:par>
                                <p:cTn fill="hold" id="63" nodeType="withEffect" presetClass="entr" presetID="2" presetSubtype="2">
                                  <p:stCondLst>
                                    <p:cond delay="0"/>
                                  </p:stCondLst>
                                  <p:childTnLst>
                                    <p:set>
                                      <p:cBhvr>
                                        <p:cTn dur="1" fill="hold" id="64">
                                          <p:stCondLst>
                                            <p:cond delay="0"/>
                                          </p:stCondLst>
                                        </p:cTn>
                                        <p:tgtEl>
                                          <p:spTgt spid="99"/>
                                        </p:tgtEl>
                                        <p:attrNameLst>
                                          <p:attrName>style.visibility</p:attrName>
                                        </p:attrNameLst>
                                      </p:cBhvr>
                                      <p:to>
                                        <p:strVal val="visible"/>
                                      </p:to>
                                    </p:set>
                                    <p:anim calcmode="lin" valueType="num">
                                      <p:cBhvr additive="base">
                                        <p:cTn dur="500" fill="hold" id="65"/>
                                        <p:tgtEl>
                                          <p:spTgt spid="99"/>
                                        </p:tgtEl>
                                        <p:attrNameLst>
                                          <p:attrName>ppt_x</p:attrName>
                                        </p:attrNameLst>
                                      </p:cBhvr>
                                      <p:tavLst>
                                        <p:tav tm="0">
                                          <p:val>
                                            <p:strVal val="1+#ppt_w/2"/>
                                          </p:val>
                                        </p:tav>
                                        <p:tav tm="100000">
                                          <p:val>
                                            <p:strVal val="#ppt_x"/>
                                          </p:val>
                                        </p:tav>
                                      </p:tavLst>
                                    </p:anim>
                                    <p:anim calcmode="lin" valueType="num">
                                      <p:cBhvr additive="base">
                                        <p:cTn dur="500" fill="hold" id="66"/>
                                        <p:tgtEl>
                                          <p:spTgt spid="99"/>
                                        </p:tgtEl>
                                        <p:attrNameLst>
                                          <p:attrName>ppt_y</p:attrName>
                                        </p:attrNameLst>
                                      </p:cBhvr>
                                      <p:tavLst>
                                        <p:tav tm="0">
                                          <p:val>
                                            <p:strVal val="#ppt_y"/>
                                          </p:val>
                                        </p:tav>
                                        <p:tav tm="100000">
                                          <p:val>
                                            <p:strVal val="#ppt_y"/>
                                          </p:val>
                                        </p:tav>
                                      </p:tavLst>
                                    </p:anim>
                                  </p:childTnLst>
                                </p:cTn>
                              </p:par>
                              <p:par>
                                <p:cTn fill="hold" id="67" nodeType="withEffect" presetClass="entr" presetID="2" presetSubtype="2">
                                  <p:stCondLst>
                                    <p:cond delay="0"/>
                                  </p:stCondLst>
                                  <p:childTnLst>
                                    <p:set>
                                      <p:cBhvr>
                                        <p:cTn dur="1" fill="hold" id="68">
                                          <p:stCondLst>
                                            <p:cond delay="0"/>
                                          </p:stCondLst>
                                        </p:cTn>
                                        <p:tgtEl>
                                          <p:spTgt spid="100"/>
                                        </p:tgtEl>
                                        <p:attrNameLst>
                                          <p:attrName>style.visibility</p:attrName>
                                        </p:attrNameLst>
                                      </p:cBhvr>
                                      <p:to>
                                        <p:strVal val="visible"/>
                                      </p:to>
                                    </p:set>
                                    <p:anim calcmode="lin" valueType="num">
                                      <p:cBhvr additive="base">
                                        <p:cTn dur="500" fill="hold" id="69"/>
                                        <p:tgtEl>
                                          <p:spTgt spid="100"/>
                                        </p:tgtEl>
                                        <p:attrNameLst>
                                          <p:attrName>ppt_x</p:attrName>
                                        </p:attrNameLst>
                                      </p:cBhvr>
                                      <p:tavLst>
                                        <p:tav tm="0">
                                          <p:val>
                                            <p:strVal val="1+#ppt_w/2"/>
                                          </p:val>
                                        </p:tav>
                                        <p:tav tm="100000">
                                          <p:val>
                                            <p:strVal val="#ppt_x"/>
                                          </p:val>
                                        </p:tav>
                                      </p:tavLst>
                                    </p:anim>
                                    <p:anim calcmode="lin" valueType="num">
                                      <p:cBhvr additive="base">
                                        <p:cTn dur="500" fill="hold" id="70"/>
                                        <p:tgtEl>
                                          <p:spTgt spid="100"/>
                                        </p:tgtEl>
                                        <p:attrNameLst>
                                          <p:attrName>ppt_y</p:attrName>
                                        </p:attrNameLst>
                                      </p:cBhvr>
                                      <p:tavLst>
                                        <p:tav tm="0">
                                          <p:val>
                                            <p:strVal val="#ppt_y"/>
                                          </p:val>
                                        </p:tav>
                                        <p:tav tm="100000">
                                          <p:val>
                                            <p:strVal val="#ppt_y"/>
                                          </p:val>
                                        </p:tav>
                                      </p:tavLst>
                                    </p:anim>
                                  </p:childTnLst>
                                </p:cTn>
                              </p:par>
                              <p:par>
                                <p:cTn fill="hold" id="71" nodeType="withEffect" presetClass="entr" presetID="2" presetSubtype="2">
                                  <p:stCondLst>
                                    <p:cond delay="0"/>
                                  </p:stCondLst>
                                  <p:childTnLst>
                                    <p:set>
                                      <p:cBhvr>
                                        <p:cTn dur="1" fill="hold" id="72">
                                          <p:stCondLst>
                                            <p:cond delay="0"/>
                                          </p:stCondLst>
                                        </p:cTn>
                                        <p:tgtEl>
                                          <p:spTgt spid="101"/>
                                        </p:tgtEl>
                                        <p:attrNameLst>
                                          <p:attrName>style.visibility</p:attrName>
                                        </p:attrNameLst>
                                      </p:cBhvr>
                                      <p:to>
                                        <p:strVal val="visible"/>
                                      </p:to>
                                    </p:set>
                                    <p:anim calcmode="lin" valueType="num">
                                      <p:cBhvr additive="base">
                                        <p:cTn dur="500" fill="hold" id="73"/>
                                        <p:tgtEl>
                                          <p:spTgt spid="101"/>
                                        </p:tgtEl>
                                        <p:attrNameLst>
                                          <p:attrName>ppt_x</p:attrName>
                                        </p:attrNameLst>
                                      </p:cBhvr>
                                      <p:tavLst>
                                        <p:tav tm="0">
                                          <p:val>
                                            <p:strVal val="1+#ppt_w/2"/>
                                          </p:val>
                                        </p:tav>
                                        <p:tav tm="100000">
                                          <p:val>
                                            <p:strVal val="#ppt_x"/>
                                          </p:val>
                                        </p:tav>
                                      </p:tavLst>
                                    </p:anim>
                                    <p:anim calcmode="lin" valueType="num">
                                      <p:cBhvr additive="base">
                                        <p:cTn dur="500" fill="hold" id="74"/>
                                        <p:tgtEl>
                                          <p:spTgt spid="101"/>
                                        </p:tgtEl>
                                        <p:attrNameLst>
                                          <p:attrName>ppt_y</p:attrName>
                                        </p:attrNameLst>
                                      </p:cBhvr>
                                      <p:tavLst>
                                        <p:tav tm="0">
                                          <p:val>
                                            <p:strVal val="#ppt_y"/>
                                          </p:val>
                                        </p:tav>
                                        <p:tav tm="100000">
                                          <p:val>
                                            <p:strVal val="#ppt_y"/>
                                          </p:val>
                                        </p:tav>
                                      </p:tavLst>
                                    </p:anim>
                                  </p:childTnLst>
                                </p:cTn>
                              </p:par>
                              <p:par>
                                <p:cTn fill="hold" id="75" nodeType="withEffect" presetClass="entr" presetID="2" presetSubtype="2">
                                  <p:stCondLst>
                                    <p:cond delay="0"/>
                                  </p:stCondLst>
                                  <p:childTnLst>
                                    <p:set>
                                      <p:cBhvr>
                                        <p:cTn dur="1" fill="hold" id="76">
                                          <p:stCondLst>
                                            <p:cond delay="0"/>
                                          </p:stCondLst>
                                        </p:cTn>
                                        <p:tgtEl>
                                          <p:spTgt spid="102"/>
                                        </p:tgtEl>
                                        <p:attrNameLst>
                                          <p:attrName>style.visibility</p:attrName>
                                        </p:attrNameLst>
                                      </p:cBhvr>
                                      <p:to>
                                        <p:strVal val="visible"/>
                                      </p:to>
                                    </p:set>
                                    <p:anim calcmode="lin" valueType="num">
                                      <p:cBhvr additive="base">
                                        <p:cTn dur="500" fill="hold" id="77"/>
                                        <p:tgtEl>
                                          <p:spTgt spid="102"/>
                                        </p:tgtEl>
                                        <p:attrNameLst>
                                          <p:attrName>ppt_x</p:attrName>
                                        </p:attrNameLst>
                                      </p:cBhvr>
                                      <p:tavLst>
                                        <p:tav tm="0">
                                          <p:val>
                                            <p:strVal val="1+#ppt_w/2"/>
                                          </p:val>
                                        </p:tav>
                                        <p:tav tm="100000">
                                          <p:val>
                                            <p:strVal val="#ppt_x"/>
                                          </p:val>
                                        </p:tav>
                                      </p:tavLst>
                                    </p:anim>
                                    <p:anim calcmode="lin" valueType="num">
                                      <p:cBhvr additive="base">
                                        <p:cTn dur="500" fill="hold" id="78"/>
                                        <p:tgtEl>
                                          <p:spTgt spid="102"/>
                                        </p:tgtEl>
                                        <p:attrNameLst>
                                          <p:attrName>ppt_y</p:attrName>
                                        </p:attrNameLst>
                                      </p:cBhvr>
                                      <p:tavLst>
                                        <p:tav tm="0">
                                          <p:val>
                                            <p:strVal val="#ppt_y"/>
                                          </p:val>
                                        </p:tav>
                                        <p:tav tm="100000">
                                          <p:val>
                                            <p:strVal val="#ppt_y"/>
                                          </p:val>
                                        </p:tav>
                                      </p:tavLst>
                                    </p:anim>
                                  </p:childTnLst>
                                </p:cTn>
                              </p:par>
                              <p:par>
                                <p:cTn fill="hold" id="79" nodeType="withEffect" presetClass="entr" presetID="2" presetSubtype="2">
                                  <p:stCondLst>
                                    <p:cond delay="0"/>
                                  </p:stCondLst>
                                  <p:childTnLst>
                                    <p:set>
                                      <p:cBhvr>
                                        <p:cTn dur="1" fill="hold" id="80">
                                          <p:stCondLst>
                                            <p:cond delay="0"/>
                                          </p:stCondLst>
                                        </p:cTn>
                                        <p:tgtEl>
                                          <p:spTgt spid="103"/>
                                        </p:tgtEl>
                                        <p:attrNameLst>
                                          <p:attrName>style.visibility</p:attrName>
                                        </p:attrNameLst>
                                      </p:cBhvr>
                                      <p:to>
                                        <p:strVal val="visible"/>
                                      </p:to>
                                    </p:set>
                                    <p:anim calcmode="lin" valueType="num">
                                      <p:cBhvr additive="base">
                                        <p:cTn dur="500" fill="hold" id="81"/>
                                        <p:tgtEl>
                                          <p:spTgt spid="103"/>
                                        </p:tgtEl>
                                        <p:attrNameLst>
                                          <p:attrName>ppt_x</p:attrName>
                                        </p:attrNameLst>
                                      </p:cBhvr>
                                      <p:tavLst>
                                        <p:tav tm="0">
                                          <p:val>
                                            <p:strVal val="1+#ppt_w/2"/>
                                          </p:val>
                                        </p:tav>
                                        <p:tav tm="100000">
                                          <p:val>
                                            <p:strVal val="#ppt_x"/>
                                          </p:val>
                                        </p:tav>
                                      </p:tavLst>
                                    </p:anim>
                                    <p:anim calcmode="lin" valueType="num">
                                      <p:cBhvr additive="base">
                                        <p:cTn dur="500" fill="hold" id="82"/>
                                        <p:tgtEl>
                                          <p:spTgt spid="103"/>
                                        </p:tgtEl>
                                        <p:attrNameLst>
                                          <p:attrName>ppt_y</p:attrName>
                                        </p:attrNameLst>
                                      </p:cBhvr>
                                      <p:tavLst>
                                        <p:tav tm="0">
                                          <p:val>
                                            <p:strVal val="#ppt_y"/>
                                          </p:val>
                                        </p:tav>
                                        <p:tav tm="100000">
                                          <p:val>
                                            <p:strVal val="#ppt_y"/>
                                          </p:val>
                                        </p:tav>
                                      </p:tavLst>
                                    </p:anim>
                                  </p:childTnLst>
                                </p:cTn>
                              </p:par>
                              <p:par>
                                <p:cTn fill="hold" id="83" nodeType="withEffect" presetClass="entr" presetID="2" presetSubtype="2">
                                  <p:stCondLst>
                                    <p:cond delay="0"/>
                                  </p:stCondLst>
                                  <p:childTnLst>
                                    <p:set>
                                      <p:cBhvr>
                                        <p:cTn dur="1" fill="hold" id="84">
                                          <p:stCondLst>
                                            <p:cond delay="0"/>
                                          </p:stCondLst>
                                        </p:cTn>
                                        <p:tgtEl>
                                          <p:spTgt spid="104"/>
                                        </p:tgtEl>
                                        <p:attrNameLst>
                                          <p:attrName>style.visibility</p:attrName>
                                        </p:attrNameLst>
                                      </p:cBhvr>
                                      <p:to>
                                        <p:strVal val="visible"/>
                                      </p:to>
                                    </p:set>
                                    <p:anim calcmode="lin" valueType="num">
                                      <p:cBhvr additive="base">
                                        <p:cTn dur="500" fill="hold" id="85"/>
                                        <p:tgtEl>
                                          <p:spTgt spid="104"/>
                                        </p:tgtEl>
                                        <p:attrNameLst>
                                          <p:attrName>ppt_x</p:attrName>
                                        </p:attrNameLst>
                                      </p:cBhvr>
                                      <p:tavLst>
                                        <p:tav tm="0">
                                          <p:val>
                                            <p:strVal val="1+#ppt_w/2"/>
                                          </p:val>
                                        </p:tav>
                                        <p:tav tm="100000">
                                          <p:val>
                                            <p:strVal val="#ppt_x"/>
                                          </p:val>
                                        </p:tav>
                                      </p:tavLst>
                                    </p:anim>
                                    <p:anim calcmode="lin" valueType="num">
                                      <p:cBhvr additive="base">
                                        <p:cTn dur="500" fill="hold" id="86"/>
                                        <p:tgtEl>
                                          <p:spTgt spid="104"/>
                                        </p:tgtEl>
                                        <p:attrNameLst>
                                          <p:attrName>ppt_y</p:attrName>
                                        </p:attrNameLst>
                                      </p:cBhvr>
                                      <p:tavLst>
                                        <p:tav tm="0">
                                          <p:val>
                                            <p:strVal val="#ppt_y"/>
                                          </p:val>
                                        </p:tav>
                                        <p:tav tm="100000">
                                          <p:val>
                                            <p:strVal val="#ppt_y"/>
                                          </p:val>
                                        </p:tav>
                                      </p:tavLst>
                                    </p:anim>
                                  </p:childTnLst>
                                </p:cTn>
                              </p:par>
                              <p:par>
                                <p:cTn fill="hold" id="87" nodeType="withEffect" presetClass="entr" presetID="2" presetSubtype="2">
                                  <p:stCondLst>
                                    <p:cond delay="0"/>
                                  </p:stCondLst>
                                  <p:childTnLst>
                                    <p:set>
                                      <p:cBhvr>
                                        <p:cTn dur="1" fill="hold" id="88">
                                          <p:stCondLst>
                                            <p:cond delay="0"/>
                                          </p:stCondLst>
                                        </p:cTn>
                                        <p:tgtEl>
                                          <p:spTgt spid="75"/>
                                        </p:tgtEl>
                                        <p:attrNameLst>
                                          <p:attrName>style.visibility</p:attrName>
                                        </p:attrNameLst>
                                      </p:cBhvr>
                                      <p:to>
                                        <p:strVal val="visible"/>
                                      </p:to>
                                    </p:set>
                                    <p:anim calcmode="lin" valueType="num">
                                      <p:cBhvr additive="base">
                                        <p:cTn dur="500" fill="hold" id="89"/>
                                        <p:tgtEl>
                                          <p:spTgt spid="75"/>
                                        </p:tgtEl>
                                        <p:attrNameLst>
                                          <p:attrName>ppt_x</p:attrName>
                                        </p:attrNameLst>
                                      </p:cBhvr>
                                      <p:tavLst>
                                        <p:tav tm="0">
                                          <p:val>
                                            <p:strVal val="1+#ppt_w/2"/>
                                          </p:val>
                                        </p:tav>
                                        <p:tav tm="100000">
                                          <p:val>
                                            <p:strVal val="#ppt_x"/>
                                          </p:val>
                                        </p:tav>
                                      </p:tavLst>
                                    </p:anim>
                                    <p:anim calcmode="lin" valueType="num">
                                      <p:cBhvr additive="base">
                                        <p:cTn dur="500" fill="hold" id="90"/>
                                        <p:tgtEl>
                                          <p:spTgt spid="75"/>
                                        </p:tgtEl>
                                        <p:attrNameLst>
                                          <p:attrName>ppt_y</p:attrName>
                                        </p:attrNameLst>
                                      </p:cBhvr>
                                      <p:tavLst>
                                        <p:tav tm="0">
                                          <p:val>
                                            <p:strVal val="#ppt_y"/>
                                          </p:val>
                                        </p:tav>
                                        <p:tav tm="100000">
                                          <p:val>
                                            <p:strVal val="#ppt_y"/>
                                          </p:val>
                                        </p:tav>
                                      </p:tavLst>
                                    </p:anim>
                                  </p:childTnLst>
                                </p:cTn>
                              </p:par>
                              <p:par>
                                <p:cTn fill="hold" id="91" nodeType="withEffect" presetClass="entr" presetID="2" presetSubtype="2">
                                  <p:stCondLst>
                                    <p:cond delay="0"/>
                                  </p:stCondLst>
                                  <p:childTnLst>
                                    <p:set>
                                      <p:cBhvr>
                                        <p:cTn dur="1" fill="hold" id="92">
                                          <p:stCondLst>
                                            <p:cond delay="0"/>
                                          </p:stCondLst>
                                        </p:cTn>
                                        <p:tgtEl>
                                          <p:spTgt spid="84"/>
                                        </p:tgtEl>
                                        <p:attrNameLst>
                                          <p:attrName>style.visibility</p:attrName>
                                        </p:attrNameLst>
                                      </p:cBhvr>
                                      <p:to>
                                        <p:strVal val="visible"/>
                                      </p:to>
                                    </p:set>
                                    <p:anim calcmode="lin" valueType="num">
                                      <p:cBhvr additive="base">
                                        <p:cTn dur="500" fill="hold" id="93"/>
                                        <p:tgtEl>
                                          <p:spTgt spid="84"/>
                                        </p:tgtEl>
                                        <p:attrNameLst>
                                          <p:attrName>ppt_x</p:attrName>
                                        </p:attrNameLst>
                                      </p:cBhvr>
                                      <p:tavLst>
                                        <p:tav tm="0">
                                          <p:val>
                                            <p:strVal val="1+#ppt_w/2"/>
                                          </p:val>
                                        </p:tav>
                                        <p:tav tm="100000">
                                          <p:val>
                                            <p:strVal val="#ppt_x"/>
                                          </p:val>
                                        </p:tav>
                                      </p:tavLst>
                                    </p:anim>
                                    <p:anim calcmode="lin" valueType="num">
                                      <p:cBhvr additive="base">
                                        <p:cTn dur="500" fill="hold" id="94"/>
                                        <p:tgtEl>
                                          <p:spTgt spid="84"/>
                                        </p:tgtEl>
                                        <p:attrNameLst>
                                          <p:attrName>ppt_y</p:attrName>
                                        </p:attrNameLst>
                                      </p:cBhvr>
                                      <p:tavLst>
                                        <p:tav tm="0">
                                          <p:val>
                                            <p:strVal val="#ppt_y"/>
                                          </p:val>
                                        </p:tav>
                                        <p:tav tm="100000">
                                          <p:val>
                                            <p:strVal val="#ppt_y"/>
                                          </p:val>
                                        </p:tav>
                                      </p:tavLst>
                                    </p:anim>
                                  </p:childTnLst>
                                </p:cTn>
                              </p:par>
                              <p:par>
                                <p:cTn fill="hold" id="95" nodeType="withEffect" presetClass="entr" presetID="2" presetSubtype="2">
                                  <p:stCondLst>
                                    <p:cond delay="0"/>
                                  </p:stCondLst>
                                  <p:childTnLst>
                                    <p:set>
                                      <p:cBhvr>
                                        <p:cTn dur="1" fill="hold" id="96">
                                          <p:stCondLst>
                                            <p:cond delay="0"/>
                                          </p:stCondLst>
                                        </p:cTn>
                                        <p:tgtEl>
                                          <p:spTgt spid="81"/>
                                        </p:tgtEl>
                                        <p:attrNameLst>
                                          <p:attrName>style.visibility</p:attrName>
                                        </p:attrNameLst>
                                      </p:cBhvr>
                                      <p:to>
                                        <p:strVal val="visible"/>
                                      </p:to>
                                    </p:set>
                                    <p:anim calcmode="lin" valueType="num">
                                      <p:cBhvr additive="base">
                                        <p:cTn dur="500" fill="hold" id="97"/>
                                        <p:tgtEl>
                                          <p:spTgt spid="81"/>
                                        </p:tgtEl>
                                        <p:attrNameLst>
                                          <p:attrName>ppt_x</p:attrName>
                                        </p:attrNameLst>
                                      </p:cBhvr>
                                      <p:tavLst>
                                        <p:tav tm="0">
                                          <p:val>
                                            <p:strVal val="1+#ppt_w/2"/>
                                          </p:val>
                                        </p:tav>
                                        <p:tav tm="100000">
                                          <p:val>
                                            <p:strVal val="#ppt_x"/>
                                          </p:val>
                                        </p:tav>
                                      </p:tavLst>
                                    </p:anim>
                                    <p:anim calcmode="lin" valueType="num">
                                      <p:cBhvr additive="base">
                                        <p:cTn dur="500" fill="hold" id="98"/>
                                        <p:tgtEl>
                                          <p:spTgt spid="81"/>
                                        </p:tgtEl>
                                        <p:attrNameLst>
                                          <p:attrName>ppt_y</p:attrName>
                                        </p:attrNameLst>
                                      </p:cBhvr>
                                      <p:tavLst>
                                        <p:tav tm="0">
                                          <p:val>
                                            <p:strVal val="#ppt_y"/>
                                          </p:val>
                                        </p:tav>
                                        <p:tav tm="100000">
                                          <p:val>
                                            <p:strVal val="#ppt_y"/>
                                          </p:val>
                                        </p:tav>
                                      </p:tavLst>
                                    </p:anim>
                                  </p:childTnLst>
                                </p:cTn>
                              </p:par>
                              <p:par>
                                <p:cTn fill="hold" id="99" nodeType="withEffect" presetClass="entr" presetID="2" presetSubtype="2">
                                  <p:stCondLst>
                                    <p:cond delay="0"/>
                                  </p:stCondLst>
                                  <p:childTnLst>
                                    <p:set>
                                      <p:cBhvr>
                                        <p:cTn dur="1" fill="hold" id="100">
                                          <p:stCondLst>
                                            <p:cond delay="0"/>
                                          </p:stCondLst>
                                        </p:cTn>
                                        <p:tgtEl>
                                          <p:spTgt spid="78"/>
                                        </p:tgtEl>
                                        <p:attrNameLst>
                                          <p:attrName>style.visibility</p:attrName>
                                        </p:attrNameLst>
                                      </p:cBhvr>
                                      <p:to>
                                        <p:strVal val="visible"/>
                                      </p:to>
                                    </p:set>
                                    <p:anim calcmode="lin" valueType="num">
                                      <p:cBhvr additive="base">
                                        <p:cTn dur="500" fill="hold" id="101"/>
                                        <p:tgtEl>
                                          <p:spTgt spid="78"/>
                                        </p:tgtEl>
                                        <p:attrNameLst>
                                          <p:attrName>ppt_x</p:attrName>
                                        </p:attrNameLst>
                                      </p:cBhvr>
                                      <p:tavLst>
                                        <p:tav tm="0">
                                          <p:val>
                                            <p:strVal val="1+#ppt_w/2"/>
                                          </p:val>
                                        </p:tav>
                                        <p:tav tm="100000">
                                          <p:val>
                                            <p:strVal val="#ppt_x"/>
                                          </p:val>
                                        </p:tav>
                                      </p:tavLst>
                                    </p:anim>
                                    <p:anim calcmode="lin" valueType="num">
                                      <p:cBhvr additive="base">
                                        <p:cTn dur="500" fill="hold" id="102"/>
                                        <p:tgtEl>
                                          <p:spTgt spid="78"/>
                                        </p:tgtEl>
                                        <p:attrNameLst>
                                          <p:attrName>ppt_y</p:attrName>
                                        </p:attrNameLst>
                                      </p:cBhvr>
                                      <p:tavLst>
                                        <p:tav tm="0">
                                          <p:val>
                                            <p:strVal val="#ppt_y"/>
                                          </p:val>
                                        </p:tav>
                                        <p:tav tm="100000">
                                          <p:val>
                                            <p:strVal val="#ppt_y"/>
                                          </p:val>
                                        </p:tav>
                                      </p:tavLst>
                                    </p:anim>
                                  </p:childTnLst>
                                </p:cTn>
                              </p:par>
                              <p:par>
                                <p:cTn fill="hold" id="103" nodeType="withEffect" presetClass="entr" presetID="2" presetSubtype="2">
                                  <p:stCondLst>
                                    <p:cond delay="0"/>
                                  </p:stCondLst>
                                  <p:childTnLst>
                                    <p:set>
                                      <p:cBhvr>
                                        <p:cTn dur="1" fill="hold" id="104">
                                          <p:stCondLst>
                                            <p:cond delay="0"/>
                                          </p:stCondLst>
                                        </p:cTn>
                                        <p:tgtEl>
                                          <p:spTgt spid="105"/>
                                        </p:tgtEl>
                                        <p:attrNameLst>
                                          <p:attrName>style.visibility</p:attrName>
                                        </p:attrNameLst>
                                      </p:cBhvr>
                                      <p:to>
                                        <p:strVal val="visible"/>
                                      </p:to>
                                    </p:set>
                                    <p:anim calcmode="lin" valueType="num">
                                      <p:cBhvr additive="base">
                                        <p:cTn dur="500" fill="hold" id="105"/>
                                        <p:tgtEl>
                                          <p:spTgt spid="105"/>
                                        </p:tgtEl>
                                        <p:attrNameLst>
                                          <p:attrName>ppt_x</p:attrName>
                                        </p:attrNameLst>
                                      </p:cBhvr>
                                      <p:tavLst>
                                        <p:tav tm="0">
                                          <p:val>
                                            <p:strVal val="1+#ppt_w/2"/>
                                          </p:val>
                                        </p:tav>
                                        <p:tav tm="100000">
                                          <p:val>
                                            <p:strVal val="#ppt_x"/>
                                          </p:val>
                                        </p:tav>
                                      </p:tavLst>
                                    </p:anim>
                                    <p:anim calcmode="lin" valueType="num">
                                      <p:cBhvr additive="base">
                                        <p:cTn dur="500" fill="hold" id="106"/>
                                        <p:tgtEl>
                                          <p:spTgt spid="105"/>
                                        </p:tgtEl>
                                        <p:attrNameLst>
                                          <p:attrName>ppt_y</p:attrName>
                                        </p:attrNameLst>
                                      </p:cBhvr>
                                      <p:tavLst>
                                        <p:tav tm="0">
                                          <p:val>
                                            <p:strVal val="#ppt_y"/>
                                          </p:val>
                                        </p:tav>
                                        <p:tav tm="100000">
                                          <p:val>
                                            <p:strVal val="#ppt_y"/>
                                          </p:val>
                                        </p:tav>
                                      </p:tavLst>
                                    </p:anim>
                                  </p:childTnLst>
                                </p:cTn>
                              </p:par>
                            </p:childTnLst>
                          </p:cTn>
                        </p:par>
                      </p:childTnLst>
                    </p:cTn>
                  </p:par>
                  <p:par>
                    <p:cTn fill="hold" id="107">
                      <p:stCondLst>
                        <p:cond delay="indefinite"/>
                      </p:stCondLst>
                      <p:childTnLst>
                        <p:par>
                          <p:cTn fill="hold" id="108">
                            <p:stCondLst>
                              <p:cond delay="0"/>
                            </p:stCondLst>
                            <p:childTnLst>
                              <p:par>
                                <p:cTn fill="hold" id="109" nodeType="clickEffect" presetClass="emph" presetID="1" presetSubtype="2">
                                  <p:stCondLst>
                                    <p:cond delay="0"/>
                                  </p:stCondLst>
                                  <p:childTnLst>
                                    <p:animClr clrSpc="rgb" dir="cw">
                                      <p:cBhvr>
                                        <p:cTn dur="500" fill="hold" id="110"/>
                                        <p:tgtEl>
                                          <p:spTgt spid="91"/>
                                        </p:tgtEl>
                                        <p:attrNameLst>
                                          <p:attrName>fillcolor</p:attrName>
                                        </p:attrNameLst>
                                      </p:cBhvr>
                                      <p:to>
                                        <a:schemeClr val="accent2"/>
                                      </p:to>
                                    </p:animClr>
                                    <p:set>
                                      <p:cBhvr>
                                        <p:cTn dur="500" fill="hold" id="111"/>
                                        <p:tgtEl>
                                          <p:spTgt spid="91"/>
                                        </p:tgtEl>
                                        <p:attrNameLst>
                                          <p:attrName>fill.type</p:attrName>
                                        </p:attrNameLst>
                                      </p:cBhvr>
                                      <p:to>
                                        <p:strVal val="solid"/>
                                      </p:to>
                                    </p:set>
                                    <p:set>
                                      <p:cBhvr>
                                        <p:cTn dur="500" fill="hold" id="112"/>
                                        <p:tgtEl>
                                          <p:spTgt spid="91"/>
                                        </p:tgtEl>
                                        <p:attrNameLst>
                                          <p:attrName>fill.on</p:attrName>
                                        </p:attrNameLst>
                                      </p:cBhvr>
                                      <p:to>
                                        <p:strVal val="true"/>
                                      </p:to>
                                    </p:set>
                                  </p:childTnLst>
                                </p:cTn>
                              </p:par>
                            </p:childTnLst>
                          </p:cTn>
                        </p:par>
                      </p:childTnLst>
                    </p:cTn>
                  </p:par>
                  <p:par>
                    <p:cTn fill="hold" id="113">
                      <p:stCondLst>
                        <p:cond delay="indefinite"/>
                      </p:stCondLst>
                      <p:childTnLst>
                        <p:par>
                          <p:cTn fill="hold" id="114">
                            <p:stCondLst>
                              <p:cond delay="0"/>
                            </p:stCondLst>
                            <p:childTnLst>
                              <p:par>
                                <p:cTn fill="hold" grpId="0" id="115" nodeType="clickEffect" presetClass="entr" presetID="21" presetSubtype="1">
                                  <p:stCondLst>
                                    <p:cond delay="0"/>
                                  </p:stCondLst>
                                  <p:childTnLst>
                                    <p:set>
                                      <p:cBhvr>
                                        <p:cTn dur="1" fill="hold" id="116">
                                          <p:stCondLst>
                                            <p:cond delay="0"/>
                                          </p:stCondLst>
                                        </p:cTn>
                                        <p:tgtEl>
                                          <p:spTgt spid="106"/>
                                        </p:tgtEl>
                                        <p:attrNameLst>
                                          <p:attrName>style.visibility</p:attrName>
                                        </p:attrNameLst>
                                      </p:cBhvr>
                                      <p:to>
                                        <p:strVal val="visible"/>
                                      </p:to>
                                    </p:set>
                                    <p:animEffect filter="wheel(1)" transition="in">
                                      <p:cBhvr>
                                        <p:cTn dur="1250" id="117"/>
                                        <p:tgtEl>
                                          <p:spTgt spid="10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74"/>
      <p:bldP animBg="1" grpId="0" spid="87"/>
      <p:bldP animBg="1" grpId="0" spid="88"/>
      <p:bldP animBg="1" grpId="0" spid="89"/>
      <p:bldP animBg="1" grpId="0" spid="90"/>
      <p:bldP animBg="1" grpId="0" spid="91"/>
      <p:bldP animBg="1" grpId="0" spid="92"/>
      <p:bldP animBg="1" grpId="0" spid="106"/>
    </p:bldLst>
  </p:timing>
</p:sld>
</file>

<file path=ppt/slides/slide1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f93881014ba8820e7e2f82e0e07fef49">
            <a:r>
              <a:rPr lang="es-ES"/>
              <a:t>Que contrôlent les paramètres de partage ?</a:t>
            </a:r>
            <a:endParaRPr dirty="0" lang="en-NO"/>
          </a:p>
        </p:txBody>
      </p:sp>
      <p:grpSp>
        <p:nvGrpSpPr>
          <p:cNvPr id="6" name="Group 5">
            <a:extLst>
              <a:ext uri="{FF2B5EF4-FFF2-40B4-BE49-F238E27FC236}">
                <a16:creationId xmlns:a16="http://schemas.microsoft.com/office/drawing/2014/main" id="{7B391BE5-A6F8-0E89-B78C-6129CAD1847B}"/>
              </a:ext>
            </a:extLst>
          </p:cNvPr>
          <p:cNvGrpSpPr/>
          <p:nvPr/>
        </p:nvGrpSpPr>
        <p:grpSpPr>
          <a:xfrm>
            <a:off x="-2962638" y="4777589"/>
            <a:ext cx="2170117" cy="1663777"/>
            <a:chOff x="5042099" y="2205086"/>
            <a:chExt cx="2170117" cy="1663777"/>
          </a:xfrm>
        </p:grpSpPr>
        <p:grpSp>
          <p:nvGrpSpPr>
            <p:cNvPr id="7" name="Group 6">
              <a:extLst>
                <a:ext uri="{FF2B5EF4-FFF2-40B4-BE49-F238E27FC236}">
                  <a16:creationId xmlns:a16="http://schemas.microsoft.com/office/drawing/2014/main" id="{37C785B7-1941-32BE-EB72-3ED05B69EFA5}"/>
                </a:ext>
              </a:extLst>
            </p:cNvPr>
            <p:cNvGrpSpPr/>
            <p:nvPr/>
          </p:nvGrpSpPr>
          <p:grpSpPr>
            <a:xfrm>
              <a:off x="5042099" y="2205086"/>
              <a:ext cx="1663776" cy="1663777"/>
              <a:chOff x="4939393" y="2097225"/>
              <a:chExt cx="1584048" cy="1584049"/>
            </a:xfrm>
          </p:grpSpPr>
          <p:sp>
            <p:nvSpPr>
              <p:cNvPr id="13" name="Freeform: Shape 12">
                <a:extLst>
                  <a:ext uri="{FF2B5EF4-FFF2-40B4-BE49-F238E27FC236}">
                    <a16:creationId xmlns:a16="http://schemas.microsoft.com/office/drawing/2014/main" id="{407DE510-E38B-0F28-AFDB-9371529E54F8}"/>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709A221D-9306-CEA4-A43D-F6818E843EC3}"/>
                  </a:ext>
                </a:extLst>
              </p:cNvPr>
              <p:cNvGrpSpPr/>
              <p:nvPr/>
            </p:nvGrpSpPr>
            <p:grpSpPr>
              <a:xfrm>
                <a:off x="5192227" y="2369148"/>
                <a:ext cx="1078380" cy="1040202"/>
                <a:chOff x="3448859" y="1386457"/>
                <a:chExt cx="1078380" cy="1040202"/>
              </a:xfrm>
            </p:grpSpPr>
            <p:sp>
              <p:nvSpPr>
                <p:cNvPr id="17" name="Freeform: Shape 16">
                  <a:extLst>
                    <a:ext uri="{FF2B5EF4-FFF2-40B4-BE49-F238E27FC236}">
                      <a16:creationId xmlns:a16="http://schemas.microsoft.com/office/drawing/2014/main" id="{3BAF296F-FE62-8976-CB5F-3E24CBD5E498}"/>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DFCD3EF2-35CE-700A-0E42-812A0D8C92ED}"/>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8" name="Freeform: Shape 7">
              <a:extLst>
                <a:ext uri="{FF2B5EF4-FFF2-40B4-BE49-F238E27FC236}">
                  <a16:creationId xmlns:a16="http://schemas.microsoft.com/office/drawing/2014/main" id="{3D7546DD-9E01-9EDF-1CF4-62AC88598BE3}"/>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9" name="Graphic 30">
              <a:extLst>
                <a:ext uri="{FF2B5EF4-FFF2-40B4-BE49-F238E27FC236}">
                  <a16:creationId xmlns:a16="http://schemas.microsoft.com/office/drawing/2014/main" id="{EAF1DC6F-3651-2CED-A61A-89D6C3BD9832}"/>
                </a:ext>
              </a:extLst>
            </p:cNvPr>
            <p:cNvGrpSpPr/>
            <p:nvPr/>
          </p:nvGrpSpPr>
          <p:grpSpPr>
            <a:xfrm>
              <a:off x="6382743" y="2556395"/>
              <a:ext cx="829473" cy="829474"/>
              <a:chOff x="5945741" y="2242429"/>
              <a:chExt cx="1307468" cy="1307469"/>
            </a:xfrm>
          </p:grpSpPr>
          <p:sp>
            <p:nvSpPr>
              <p:cNvPr id="11" name="Freeform: Shape 10">
                <a:extLst>
                  <a:ext uri="{FF2B5EF4-FFF2-40B4-BE49-F238E27FC236}">
                    <a16:creationId xmlns:a16="http://schemas.microsoft.com/office/drawing/2014/main" id="{94180B34-A059-F119-200A-D30A18CDFFFC}"/>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583CBF2-03BE-CFAB-2064-F5B20D08CC13}"/>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19" name="userbox">
            <a:extLst>
              <a:ext uri="{FF2B5EF4-FFF2-40B4-BE49-F238E27FC236}">
                <a16:creationId xmlns:a16="http://schemas.microsoft.com/office/drawing/2014/main" id="{B9CE9245-C0A1-ECD9-5341-BB08CCD9C6A6}"/>
              </a:ext>
            </a:extLst>
          </p:cNvPr>
          <p:cNvSpPr/>
          <p:nvPr/>
        </p:nvSpPr>
        <p:spPr>
          <a:xfrm>
            <a:off x="-3197250" y="380645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grpSp>
        <p:nvGrpSpPr>
          <p:cNvPr id="20" name="!!sharing">
            <a:extLst>
              <a:ext uri="{FF2B5EF4-FFF2-40B4-BE49-F238E27FC236}">
                <a16:creationId xmlns:a16="http://schemas.microsoft.com/office/drawing/2014/main" id="{8DFCE337-1616-E428-17AD-87160275BBA1}"/>
              </a:ext>
            </a:extLst>
          </p:cNvPr>
          <p:cNvGrpSpPr/>
          <p:nvPr/>
        </p:nvGrpSpPr>
        <p:grpSpPr>
          <a:xfrm>
            <a:off x="3077187" y="2778876"/>
            <a:ext cx="1862941" cy="2004144"/>
            <a:chOff x="1333500" y="1969731"/>
            <a:chExt cx="1862941" cy="2004144"/>
          </a:xfrm>
        </p:grpSpPr>
        <p:sp>
          <p:nvSpPr>
            <p:cNvPr id="21" name="Freeform 22">
              <a:extLst>
                <a:ext uri="{FF2B5EF4-FFF2-40B4-BE49-F238E27FC236}">
                  <a16:creationId xmlns:a16="http://schemas.microsoft.com/office/drawing/2014/main" id="{4380F0B7-392D-C65A-3B69-A6F3E84E4AD1}"/>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22" name="Group 21">
              <a:extLst>
                <a:ext uri="{FF2B5EF4-FFF2-40B4-BE49-F238E27FC236}">
                  <a16:creationId xmlns:a16="http://schemas.microsoft.com/office/drawing/2014/main" id="{9495A0C6-31AA-5529-729D-422F0A38627F}"/>
                </a:ext>
              </a:extLst>
            </p:cNvPr>
            <p:cNvGrpSpPr/>
            <p:nvPr/>
          </p:nvGrpSpPr>
          <p:grpSpPr>
            <a:xfrm>
              <a:off x="1746057" y="1969731"/>
              <a:ext cx="923284" cy="861233"/>
              <a:chOff x="2866244" y="2493706"/>
              <a:chExt cx="1072382" cy="1000311"/>
            </a:xfrm>
          </p:grpSpPr>
          <p:sp>
            <p:nvSpPr>
              <p:cNvPr id="30" name="Freeform 23">
                <a:extLst>
                  <a:ext uri="{FF2B5EF4-FFF2-40B4-BE49-F238E27FC236}">
                    <a16:creationId xmlns:a16="http://schemas.microsoft.com/office/drawing/2014/main" id="{CCBE3A59-6290-CF2A-5DBC-723E39C778C3}"/>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1" name="Freeform 24">
                <a:extLst>
                  <a:ext uri="{FF2B5EF4-FFF2-40B4-BE49-F238E27FC236}">
                    <a16:creationId xmlns:a16="http://schemas.microsoft.com/office/drawing/2014/main" id="{D10859DA-893A-3198-6E4D-62130AE739AE}"/>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23" name="Group 22">
              <a:extLst>
                <a:ext uri="{FF2B5EF4-FFF2-40B4-BE49-F238E27FC236}">
                  <a16:creationId xmlns:a16="http://schemas.microsoft.com/office/drawing/2014/main" id="{E8750E5D-238B-F08D-77BE-D01959CB85E9}"/>
                </a:ext>
              </a:extLst>
            </p:cNvPr>
            <p:cNvGrpSpPr/>
            <p:nvPr/>
          </p:nvGrpSpPr>
          <p:grpSpPr>
            <a:xfrm>
              <a:off x="1784364" y="3136309"/>
              <a:ext cx="846670" cy="837566"/>
              <a:chOff x="3040063" y="3848672"/>
              <a:chExt cx="983396" cy="972822"/>
            </a:xfrm>
          </p:grpSpPr>
          <p:sp>
            <p:nvSpPr>
              <p:cNvPr id="28" name="Freeform 28">
                <a:extLst>
                  <a:ext uri="{FF2B5EF4-FFF2-40B4-BE49-F238E27FC236}">
                    <a16:creationId xmlns:a16="http://schemas.microsoft.com/office/drawing/2014/main" id="{3644646B-4442-40D9-A188-9267C0144653}"/>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9" name="Freeform 29">
                <a:extLst>
                  <a:ext uri="{FF2B5EF4-FFF2-40B4-BE49-F238E27FC236}">
                    <a16:creationId xmlns:a16="http://schemas.microsoft.com/office/drawing/2014/main" id="{630C8236-FFE7-2735-D927-63B462339AB2}"/>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24" name="Freeform: Shape 23">
              <a:extLst>
                <a:ext uri="{FF2B5EF4-FFF2-40B4-BE49-F238E27FC236}">
                  <a16:creationId xmlns:a16="http://schemas.microsoft.com/office/drawing/2014/main" id="{C6E0E504-835B-2D67-360B-75F0A31BD761}"/>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25" name="Graphic 24">
              <a:extLst>
                <a:ext uri="{FF2B5EF4-FFF2-40B4-BE49-F238E27FC236}">
                  <a16:creationId xmlns:a16="http://schemas.microsoft.com/office/drawing/2014/main" id="{176D03F4-3702-05EC-0049-6FE0F5C5AEBD}"/>
                </a:ext>
              </a:extLst>
            </p:cNvPr>
            <p:cNvGrpSpPr/>
            <p:nvPr/>
          </p:nvGrpSpPr>
          <p:grpSpPr>
            <a:xfrm>
              <a:off x="2323290" y="2517060"/>
              <a:ext cx="873151" cy="873151"/>
              <a:chOff x="2323290" y="2517060"/>
              <a:chExt cx="873151" cy="873151"/>
            </a:xfrm>
          </p:grpSpPr>
          <p:sp>
            <p:nvSpPr>
              <p:cNvPr id="26" name="Freeform: Shape 25">
                <a:extLst>
                  <a:ext uri="{FF2B5EF4-FFF2-40B4-BE49-F238E27FC236}">
                    <a16:creationId xmlns:a16="http://schemas.microsoft.com/office/drawing/2014/main" id="{7C588183-FC27-DBA6-20CC-164676111ED6}"/>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44D425D6-BE52-FC38-9059-D14FBB242258}"/>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
        <p:nvSpPr>
          <p:cNvPr id="32" name="!!sharingbox">
            <a:extLst>
              <a:ext uri="{FF2B5EF4-FFF2-40B4-BE49-F238E27FC236}">
                <a16:creationId xmlns:a16="http://schemas.microsoft.com/office/drawing/2014/main" id="{DD67D8B1-E326-B3EB-53FE-BF0065FDA758}"/>
              </a:ext>
            </a:extLst>
          </p:cNvPr>
          <p:cNvSpPr/>
          <p:nvPr/>
        </p:nvSpPr>
        <p:spPr>
          <a:xfrm>
            <a:off x="2692855" y="192828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grpSp>
        <p:nvGrpSpPr>
          <p:cNvPr id="33" name="Group 32">
            <a:extLst>
              <a:ext uri="{FF2B5EF4-FFF2-40B4-BE49-F238E27FC236}">
                <a16:creationId xmlns:a16="http://schemas.microsoft.com/office/drawing/2014/main" id="{BED54C65-19CE-DD57-25D3-C2E62FDBDD5D}"/>
              </a:ext>
            </a:extLst>
          </p:cNvPr>
          <p:cNvGrpSpPr/>
          <p:nvPr/>
        </p:nvGrpSpPr>
        <p:grpSpPr>
          <a:xfrm>
            <a:off x="12849484" y="1944433"/>
            <a:ext cx="1886211" cy="1663778"/>
            <a:chOff x="8409934" y="2229519"/>
            <a:chExt cx="1886211" cy="1663778"/>
          </a:xfrm>
        </p:grpSpPr>
        <p:pic>
          <p:nvPicPr>
            <p:cNvPr id="34" name="Picture 33">
              <a:extLst>
                <a:ext uri="{FF2B5EF4-FFF2-40B4-BE49-F238E27FC236}">
                  <a16:creationId xmlns:a16="http://schemas.microsoft.com/office/drawing/2014/main" id="{AA82B28E-BC74-248F-CFCE-07B10E605E4C}"/>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35" name="Freeform: Shape 34">
              <a:extLst>
                <a:ext uri="{FF2B5EF4-FFF2-40B4-BE49-F238E27FC236}">
                  <a16:creationId xmlns:a16="http://schemas.microsoft.com/office/drawing/2014/main" id="{1133DB2B-43B7-2E06-193C-737E0469EB1D}"/>
                </a:ext>
              </a:extLst>
            </p:cNvPr>
            <p:cNvSpPr/>
            <p:nvPr/>
          </p:nvSpPr>
          <p:spPr>
            <a:xfrm>
              <a:off x="9703183" y="2973925"/>
              <a:ext cx="391447" cy="391447"/>
            </a:xfrm>
            <a:custGeom>
              <a:avLst/>
              <a:gdLst>
                <a:gd fmla="*/ 391447 w 391447" name="connsiteX0"/>
                <a:gd fmla="*/ 195724 h 391447" name="connsiteY0"/>
                <a:gd fmla="*/ 195724 w 391447" name="connsiteX1"/>
                <a:gd fmla="*/ 391447 h 391447" name="connsiteY1"/>
                <a:gd fmla="*/ 0 w 391447" name="connsiteX2"/>
                <a:gd fmla="*/ 195724 h 391447" name="connsiteY2"/>
                <a:gd fmla="*/ 195724 w 391447" name="connsiteX3"/>
                <a:gd fmla="*/ 0 h 391447" name="connsiteY3"/>
                <a:gd fmla="*/ 391447 w 391447" name="connsiteX4"/>
                <a:gd fmla="*/ 195724 h 39144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91447" w="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cap="flat" w="1594">
              <a:noFill/>
              <a:prstDash val="solid"/>
              <a:miter/>
            </a:ln>
          </p:spPr>
          <p:txBody>
            <a:bodyPr anchor="ctr" rtlCol="0"/>
            <a:lstStyle/>
            <a:p>
              <a:endParaRPr lang="es-ES"/>
            </a:p>
          </p:txBody>
        </p:sp>
        <p:grpSp>
          <p:nvGrpSpPr>
            <p:cNvPr id="36" name="Graphic 4">
              <a:extLst>
                <a:ext uri="{FF2B5EF4-FFF2-40B4-BE49-F238E27FC236}">
                  <a16:creationId xmlns:a16="http://schemas.microsoft.com/office/drawing/2014/main" id="{933D968D-DF16-02D8-5F40-879AC9A6B3B0}"/>
                </a:ext>
              </a:extLst>
            </p:cNvPr>
            <p:cNvGrpSpPr/>
            <p:nvPr/>
          </p:nvGrpSpPr>
          <p:grpSpPr>
            <a:xfrm>
              <a:off x="9466672" y="2754865"/>
              <a:ext cx="829473" cy="829473"/>
              <a:chOff x="9466672" y="2754865"/>
              <a:chExt cx="829473" cy="829473"/>
            </a:xfrm>
          </p:grpSpPr>
          <p:sp>
            <p:nvSpPr>
              <p:cNvPr id="37" name="Freeform: Shape 36">
                <a:extLst>
                  <a:ext uri="{FF2B5EF4-FFF2-40B4-BE49-F238E27FC236}">
                    <a16:creationId xmlns:a16="http://schemas.microsoft.com/office/drawing/2014/main" id="{016B0562-4537-4E86-CA12-05BF3F89BC33}"/>
                  </a:ext>
                </a:extLst>
              </p:cNvPr>
              <p:cNvSpPr/>
              <p:nvPr/>
            </p:nvSpPr>
            <p:spPr>
              <a:xfrm rot="-1011000">
                <a:off x="9785720" y="3073848"/>
                <a:ext cx="191416" cy="191416"/>
              </a:xfrm>
              <a:custGeom>
                <a:avLst/>
                <a:gdLst>
                  <a:gd fmla="*/ 191417 w 191416" name="connsiteX0"/>
                  <a:gd fmla="*/ 95708 h 191416" name="connsiteY0"/>
                  <a:gd fmla="*/ 95708 w 191416" name="connsiteX1"/>
                  <a:gd fmla="*/ 191417 h 191416" name="connsiteY1"/>
                  <a:gd fmla="*/ 0 w 191416" name="connsiteX2"/>
                  <a:gd fmla="*/ 95708 h 191416" name="connsiteY2"/>
                  <a:gd fmla="*/ 95708 w 191416" name="connsiteX3"/>
                  <a:gd fmla="*/ 0 h 191416" name="connsiteY3"/>
                  <a:gd fmla="*/ 191417 w 191416" name="connsiteX4"/>
                  <a:gd fmla="*/ 95708 h 19141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91416" w="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cap="flat" w="1594">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11CC9FCC-11E3-CCA2-693B-0668426930CA}"/>
                  </a:ext>
                </a:extLst>
              </p:cNvPr>
              <p:cNvSpPr/>
              <p:nvPr/>
            </p:nvSpPr>
            <p:spPr>
              <a:xfrm>
                <a:off x="9466672" y="2754865"/>
                <a:ext cx="829473" cy="829473"/>
              </a:xfrm>
              <a:custGeom>
                <a:avLst/>
                <a:gdLst>
                  <a:gd fmla="*/ 828293 w 829473" name="connsiteX0"/>
                  <a:gd fmla="*/ 343705 h 829473" name="connsiteY0"/>
                  <a:gd fmla="*/ 826889 w 829473" name="connsiteX1"/>
                  <a:gd fmla="*/ 339637 h 829473" name="connsiteY1"/>
                  <a:gd fmla="*/ 797570 w 829473" name="connsiteX2"/>
                  <a:gd fmla="*/ 320304 h 829473" name="connsiteY2"/>
                  <a:gd fmla="*/ 752587 w 829473" name="connsiteX3"/>
                  <a:gd fmla="*/ 320304 h 829473" name="connsiteY3"/>
                  <a:gd fmla="*/ 721051 w 829473" name="connsiteX4"/>
                  <a:gd fmla="*/ 307591 h 829473" name="connsiteY4"/>
                  <a:gd fmla="*/ 720684 w 829473" name="connsiteX5"/>
                  <a:gd fmla="*/ 245333 h 829473" name="connsiteY5"/>
                  <a:gd fmla="*/ 752587 w 829473" name="connsiteX6"/>
                  <a:gd fmla="*/ 213430 h 829473" name="connsiteY6"/>
                  <a:gd fmla="*/ 752779 w 829473" name="connsiteX7"/>
                  <a:gd fmla="*/ 213238 h 829473" name="connsiteY7"/>
                  <a:gd fmla="*/ 755873 w 829473" name="connsiteX8"/>
                  <a:gd fmla="*/ 209554 h 829473" name="connsiteY8"/>
                  <a:gd fmla="*/ 752587 w 829473" name="connsiteX9"/>
                  <a:gd fmla="*/ 168128 h 829473" name="connsiteY9"/>
                  <a:gd fmla="*/ 662302 w 829473" name="connsiteX10"/>
                  <a:gd fmla="*/ 77843 h 829473" name="connsiteY10"/>
                  <a:gd fmla="*/ 662111 w 829473" name="connsiteX11"/>
                  <a:gd fmla="*/ 77651 h 829473" name="connsiteY11"/>
                  <a:gd fmla="*/ 617000 w 829473" name="connsiteX12"/>
                  <a:gd fmla="*/ 77843 h 829473" name="connsiteY12"/>
                  <a:gd fmla="*/ 607589 w 829473" name="connsiteX13"/>
                  <a:gd fmla="*/ 87254 h 829473" name="connsiteY13"/>
                  <a:gd fmla="*/ 585098 w 829473" name="connsiteX14"/>
                  <a:gd fmla="*/ 109746 h 829473" name="connsiteY14"/>
                  <a:gd fmla="*/ 553562 w 829473" name="connsiteX15"/>
                  <a:gd fmla="*/ 122459 h 829473" name="connsiteY15"/>
                  <a:gd fmla="*/ 510126 w 829473" name="connsiteX16"/>
                  <a:gd fmla="*/ 77843 h 829473" name="connsiteY16"/>
                  <a:gd fmla="*/ 510126 w 829473" name="connsiteX17"/>
                  <a:gd fmla="*/ 31903 h 829473" name="connsiteY17"/>
                  <a:gd fmla="*/ 478223 w 829473" name="connsiteX18"/>
                  <a:gd fmla="*/ 0 h 829473" name="connsiteY18"/>
                  <a:gd fmla="*/ 350612 w 829473" name="connsiteX19"/>
                  <a:gd fmla="*/ 0 h 829473" name="connsiteY19"/>
                  <a:gd fmla="*/ 318709 w 829473" name="connsiteX20"/>
                  <a:gd fmla="*/ 31903 h 829473" name="connsiteY20"/>
                  <a:gd fmla="*/ 318709 w 829473" name="connsiteX21"/>
                  <a:gd fmla="*/ 76248 h 829473" name="connsiteY21"/>
                  <a:gd fmla="*/ 305996 w 829473" name="connsiteX22"/>
                  <a:gd fmla="*/ 107784 h 829473" name="connsiteY22"/>
                  <a:gd fmla="*/ 243737 w 829473" name="connsiteX23"/>
                  <a:gd fmla="*/ 108151 h 829473" name="connsiteY23"/>
                  <a:gd fmla="*/ 215041 w 829473" name="connsiteX24"/>
                  <a:gd fmla="*/ 79454 h 829473" name="connsiteY24"/>
                  <a:gd fmla="*/ 211835 w 829473" name="connsiteX25"/>
                  <a:gd fmla="*/ 76248 h 829473" name="connsiteY25"/>
                  <a:gd fmla="*/ 211643 w 829473" name="connsiteX26"/>
                  <a:gd fmla="*/ 76056 h 829473" name="connsiteY26"/>
                  <a:gd fmla="*/ 166533 w 829473" name="connsiteX27"/>
                  <a:gd fmla="*/ 76248 h 829473" name="connsiteY27"/>
                  <a:gd fmla="*/ 77843 w 829473" name="connsiteX28"/>
                  <a:gd fmla="*/ 166852 h 829473" name="connsiteY28"/>
                  <a:gd fmla="*/ 77651 w 829473" name="connsiteX29"/>
                  <a:gd fmla="*/ 167043 h 829473" name="connsiteY29"/>
                  <a:gd fmla="*/ 68447 w 829473" name="connsiteX30"/>
                  <a:gd fmla="*/ 188402 h 829473" name="connsiteY30"/>
                  <a:gd fmla="*/ 77827 w 829473" name="connsiteX31"/>
                  <a:gd fmla="*/ 212154 h 829473" name="connsiteY31"/>
                  <a:gd fmla="*/ 109730 w 829473" name="connsiteX32"/>
                  <a:gd fmla="*/ 244056 h 829473" name="connsiteY32"/>
                  <a:gd fmla="*/ 122443 w 829473" name="connsiteX33"/>
                  <a:gd fmla="*/ 275592 h 829473" name="connsiteY33"/>
                  <a:gd fmla="*/ 77827 w 829473" name="connsiteX34"/>
                  <a:gd fmla="*/ 319028 h 829473" name="connsiteY34"/>
                  <a:gd fmla="*/ 31903 w 829473" name="connsiteX35"/>
                  <a:gd fmla="*/ 319028 h 829473" name="connsiteY35"/>
                  <a:gd fmla="*/ 0 w 829473" name="connsiteX36"/>
                  <a:gd fmla="*/ 350931 h 829473" name="connsiteY36"/>
                  <a:gd fmla="*/ 0 w 829473" name="connsiteX37"/>
                  <a:gd fmla="*/ 478861 h 829473" name="connsiteY37"/>
                  <a:gd fmla="*/ 31903 w 829473" name="connsiteX38"/>
                  <a:gd fmla="*/ 510764 h 829473" name="connsiteY38"/>
                  <a:gd fmla="*/ 76248 w 829473" name="connsiteX39"/>
                  <a:gd fmla="*/ 510764 h 829473" name="connsiteY39"/>
                  <a:gd fmla="*/ 107784 w 829473" name="connsiteX40"/>
                  <a:gd fmla="*/ 523477 h 829473" name="connsiteY40"/>
                  <a:gd fmla="*/ 108151 w 829473" name="connsiteX41"/>
                  <a:gd fmla="*/ 585736 h 829473" name="connsiteY41"/>
                  <a:gd fmla="*/ 76248 w 829473" name="connsiteX42"/>
                  <a:gd fmla="*/ 617638 h 829473" name="connsiteY42"/>
                  <a:gd fmla="*/ 76056 w 829473" name="connsiteX43"/>
                  <a:gd fmla="*/ 617830 h 829473" name="connsiteY43"/>
                  <a:gd fmla="*/ 76248 w 829473" name="connsiteX44"/>
                  <a:gd fmla="*/ 662940 h 829473" name="connsiteY44"/>
                  <a:gd fmla="*/ 166852 w 829473" name="connsiteX45"/>
                  <a:gd fmla="*/ 751630 h 829473" name="connsiteY45"/>
                  <a:gd fmla="*/ 167043 w 829473" name="connsiteX46"/>
                  <a:gd fmla="*/ 751822 h 829473" name="connsiteY46"/>
                  <a:gd fmla="*/ 212154 w 829473" name="connsiteX47"/>
                  <a:gd fmla="*/ 751630 h 829473" name="connsiteY47"/>
                  <a:gd fmla="*/ 244056 w 829473" name="connsiteX48"/>
                  <a:gd fmla="*/ 719727 h 829473" name="connsiteY48"/>
                  <a:gd fmla="*/ 275592 w 829473" name="connsiteX49"/>
                  <a:gd fmla="*/ 707014 h 829473" name="connsiteY49"/>
                  <a:gd fmla="*/ 319028 w 829473" name="connsiteX50"/>
                  <a:gd fmla="*/ 751630 h 829473" name="connsiteY50"/>
                  <a:gd fmla="*/ 319028 w 829473" name="connsiteX51"/>
                  <a:gd fmla="*/ 797570 h 829473" name="connsiteY51"/>
                  <a:gd fmla="*/ 350931 w 829473" name="connsiteX52"/>
                  <a:gd fmla="*/ 829473 h 829473" name="connsiteY52"/>
                  <a:gd fmla="*/ 478542 w 829473" name="connsiteX53"/>
                  <a:gd fmla="*/ 829473 h 829473" name="connsiteY53"/>
                  <a:gd fmla="*/ 509169 w 829473" name="connsiteX54"/>
                  <a:gd fmla="*/ 797570 h 829473" name="connsiteY54"/>
                  <a:gd fmla="*/ 509169 w 829473" name="connsiteX55"/>
                  <a:gd fmla="*/ 754182 h 829473" name="connsiteY55"/>
                  <a:gd fmla="*/ 521882 w 829473" name="connsiteX56"/>
                  <a:gd fmla="*/ 722646 h 829473" name="connsiteY56"/>
                  <a:gd fmla="*/ 584140 w 829473" name="connsiteX57"/>
                  <a:gd fmla="*/ 722280 h 829473" name="connsiteY57"/>
                  <a:gd fmla="*/ 616043 w 829473" name="connsiteX58"/>
                  <a:gd fmla="*/ 754182 h 829473" name="connsiteY58"/>
                  <a:gd fmla="*/ 616235 w 829473" name="connsiteX59"/>
                  <a:gd fmla="*/ 754374 h 829473" name="connsiteY59"/>
                  <a:gd fmla="*/ 661345 w 829473" name="connsiteX60"/>
                  <a:gd fmla="*/ 754182 h 829473" name="connsiteY60"/>
                  <a:gd fmla="*/ 751630 w 829473" name="connsiteX61"/>
                  <a:gd fmla="*/ 663897 h 829473" name="connsiteY61"/>
                  <a:gd fmla="*/ 751822 w 829473" name="connsiteX62"/>
                  <a:gd fmla="*/ 663706 h 829473" name="connsiteY62"/>
                  <a:gd fmla="*/ 751630 w 829473" name="connsiteX63"/>
                  <a:gd fmla="*/ 618595 h 829473" name="connsiteY63"/>
                  <a:gd fmla="*/ 719727 w 829473" name="connsiteX64"/>
                  <a:gd fmla="*/ 586693 h 829473" name="connsiteY64"/>
                  <a:gd fmla="*/ 707014 w 829473" name="connsiteX65"/>
                  <a:gd fmla="*/ 555157 h 829473" name="connsiteY65"/>
                  <a:gd fmla="*/ 751630 w 829473" name="connsiteX66"/>
                  <a:gd fmla="*/ 511721 h 829473" name="connsiteY66"/>
                  <a:gd fmla="*/ 797570 w 829473" name="connsiteX67"/>
                  <a:gd fmla="*/ 511721 h 829473" name="connsiteY67"/>
                  <a:gd fmla="*/ 829473 w 829473" name="connsiteX68"/>
                  <a:gd fmla="*/ 479818 h 829473" name="connsiteY68"/>
                  <a:gd fmla="*/ 829473 w 829473" name="connsiteX69"/>
                  <a:gd fmla="*/ 352207 h 829473" name="connsiteY69"/>
                  <a:gd fmla="*/ 828293 w 829473" name="connsiteX70"/>
                  <a:gd fmla="*/ 343705 h 829473" name="connsiteY70"/>
                  <a:gd fmla="*/ 414737 w 829473" name="connsiteX71"/>
                  <a:gd fmla="*/ 574251 h 829473" name="connsiteY71"/>
                  <a:gd fmla="*/ 255222 w 829473" name="connsiteX72"/>
                  <a:gd fmla="*/ 414737 h 829473" name="connsiteY72"/>
                  <a:gd fmla="*/ 414737 w 829473" name="connsiteX73"/>
                  <a:gd fmla="*/ 255222 h 829473" name="connsiteY73"/>
                  <a:gd fmla="*/ 574251 w 829473" name="connsiteX74"/>
                  <a:gd fmla="*/ 414737 h 829473" name="connsiteY74"/>
                  <a:gd fmla="*/ 414737 w 829473" name="connsiteX75"/>
                  <a:gd fmla="*/ 574251 h 829473"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29473" w="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cap="flat" w="1594">
                <a:noFill/>
                <a:prstDash val="solid"/>
                <a:miter/>
              </a:ln>
            </p:spPr>
            <p:txBody>
              <a:bodyPr anchor="ctr" rtlCol="0"/>
              <a:lstStyle/>
              <a:p>
                <a:endParaRPr lang="es-ES"/>
              </a:p>
            </p:txBody>
          </p:sp>
        </p:grpSp>
      </p:grpSp>
      <p:sp>
        <p:nvSpPr>
          <p:cNvPr id="39" name="orgunitbox">
            <a:extLst>
              <a:ext uri="{FF2B5EF4-FFF2-40B4-BE49-F238E27FC236}">
                <a16:creationId xmlns:a16="http://schemas.microsoft.com/office/drawing/2014/main" id="{16166C27-476F-1527-15A2-E8E4DE33C18A}"/>
              </a:ext>
            </a:extLst>
          </p:cNvPr>
          <p:cNvSpPr/>
          <p:nvPr/>
        </p:nvSpPr>
        <p:spPr>
          <a:xfrm>
            <a:off x="12506972" y="96634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cacf52e637e3c79a2608a456b2236a5">
            <a:pPr algn="ctr"/>
            <a:r>
              <a:rPr lang="es-ES" sz="2400"/>
              <a:t>Configuration des unités d'organisation</a:t>
            </a:r>
            <a:endParaRPr dirty="0" lang="en-NO" sz="2400"/>
          </a:p>
        </p:txBody>
      </p:sp>
      <p:sp>
        <p:nvSpPr>
          <p:cNvPr id="4" name="TextBox 3">
            <a:extLst>
              <a:ext uri="{FF2B5EF4-FFF2-40B4-BE49-F238E27FC236}">
                <a16:creationId xmlns:a16="http://schemas.microsoft.com/office/drawing/2014/main" id="{ADECD22E-A70B-02E0-69EB-68B74AB5D324}"/>
              </a:ext>
            </a:extLst>
          </p:cNvPr>
          <p:cNvSpPr txBox="1"/>
          <p:nvPr/>
        </p:nvSpPr>
        <p:spPr>
          <a:xfrm>
            <a:off x="6220470" y="2678194"/>
            <a:ext cx="4189228" cy="1757212"/>
          </a:xfrm>
          <a:prstGeom prst="rect">
            <a:avLst/>
          </a:prstGeom>
          <a:noFill/>
        </p:spPr>
        <p:txBody>
          <a:bodyPr rtlCol="0" wrap="square">
            <a:spAutoFit/>
          </a:bodyPr>
          <a:lstStyle/>
          <a:p txid="117145500333ef55e719d89bdb44eba4">
            <a:pPr algn="l">
              <a:lnSpc>
                <a:spcPts val="3300"/>
              </a:lnSpc>
              <a:buClr>
                <a:srgbClr val="008CCF"/>
              </a:buClr>
            </a:pPr>
            <a:r>
              <a:rPr lang="es-ES" sz="2400">
                <a:latin typeface="+mj-lt"/>
              </a:rPr>
              <a:t>Ces paramètres restreignent l'accès des utilisateurs ou groupes d'utilisateurs à</a:t>
            </a:r>
            <a:r>
              <a:rPr lang="es-ES" sz="2400"/>
            </a:r>
          </a:p>
          <a:p txid="ea0e2c15cde23bf1b38211deb270990d">
            <a:pPr algn="l" indent="-342900" marL="342900">
              <a:lnSpc>
                <a:spcPts val="3300"/>
              </a:lnSpc>
              <a:buClr>
                <a:srgbClr val="008CCF"/>
              </a:buClr>
              <a:buFont charset="0" panose="020B0604020202020204" pitchFamily="34" typeface="Arial"/>
              <a:buChar char="•"/>
            </a:pPr>
            <a:r>
              <a:rPr lang="es-ES" sz="2400">
                <a:latin typeface="+mj-lt"/>
              </a:rPr>
              <a:t> des métadonnées spécifiques</a:t>
            </a:r>
            <a:r>
              <a:rPr lang="es-ES" sz="2400"/>
              <a:t> </a:t>
            </a:r>
          </a:p>
          <a:p txid="bc32171ed65d7f6e99f4ba9b0fc65f81">
            <a:pPr algn="l" indent="-342900" marL="342900">
              <a:lnSpc>
                <a:spcPts val="3300"/>
              </a:lnSpc>
              <a:buClr>
                <a:srgbClr val="008CCF"/>
              </a:buClr>
              <a:buFont charset="0" panose="020B0604020202020204" pitchFamily="34" typeface="Arial"/>
              <a:buChar char="•"/>
            </a:pPr>
            <a:r>
              <a:rPr lang="es-ES" sz="2400">
                <a:latin typeface="+mj-lt"/>
              </a:rPr>
              <a:t>Données</a:t>
            </a:r>
          </a:p>
        </p:txBody>
      </p:sp>
    </p:spTree>
    <p:custDataLst>
      <p:tags r:id="rId1"/>
    </p:custDataLst>
    <p:extLst>
      <p:ext uri="{BB962C8B-B14F-4D97-AF65-F5344CB8AC3E}">
        <p14:creationId xmlns:p14="http://schemas.microsoft.com/office/powerpoint/2010/main" val="3076454117"/>
      </p:ext>
    </p:extLst>
  </p:cSld>
  <p:clrMapOvr>
    <a:masterClrMapping/>
  </p:clrMapOvr>
  <mc:AlternateContent xmlns:mc="http://schemas.openxmlformats.org/markup-compatibility/2006" xmlns:p159="http://schemas.microsoft.com/office/powerpoint/2015/09/main">
    <mc:Choice Requires="p159">
      <p:transition advTm="19775" spd="slow">
        <p159:morph option="byObject"/>
      </p:transition>
    </mc:Choice>
    <mc:Fallback xmlns="">
      <p:transition advTm="19775"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2" st="2"/>
                                            </p:txEl>
                                          </p:spTgt>
                                        </p:tgtEl>
                                        <p:attrNameLst>
                                          <p:attrName>style.visibility</p:attrName>
                                        </p:attrNameLst>
                                      </p:cBhvr>
                                      <p:to>
                                        <p:strVal val="visible"/>
                                      </p:to>
                                    </p:set>
                                    <p:animEffect filter="fade" transition="in">
                                      <p:cBhvr>
                                        <p:cTn dur="500" id="17"/>
                                        <p:tgtEl>
                                          <p:spTgt spid="4">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Lst>
  </p:timing>
</p:sld>
</file>

<file path=ppt/slides/slide1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847277-3940-883E-B9A4-FA5450665840}"/>
              </a:ext>
            </a:extLst>
          </p:cNvPr>
          <p:cNvSpPr>
            <a:spLocks noGrp="1"/>
          </p:cNvSpPr>
          <p:nvPr>
            <p:ph type="title"/>
          </p:nvPr>
        </p:nvSpPr>
        <p:spPr/>
        <p:txBody>
          <a:bodyPr/>
          <a:lstStyle/>
          <a:p txid="7cc488c5127307f53aa88f3624683ef3">
            <a:r>
              <a:rPr lang="es-ES"/>
              <a:t>Fonctionnalités des paramètres de partage</a:t>
            </a:r>
            <a:endParaRPr lang="en-NO"/>
          </a:p>
        </p:txBody>
      </p:sp>
      <p:sp>
        <p:nvSpPr>
          <p:cNvPr id="15" name="TextBox 14">
            <a:extLst>
              <a:ext uri="{FF2B5EF4-FFF2-40B4-BE49-F238E27FC236}">
                <a16:creationId xmlns:a16="http://schemas.microsoft.com/office/drawing/2014/main" id="{48A58512-0EDC-8425-1F09-D01C504D461A}"/>
              </a:ext>
            </a:extLst>
          </p:cNvPr>
          <p:cNvSpPr txBox="1"/>
          <p:nvPr/>
        </p:nvSpPr>
        <p:spPr>
          <a:xfrm>
            <a:off x="2491767" y="2716962"/>
            <a:ext cx="3033782" cy="830997"/>
          </a:xfrm>
          <a:prstGeom prst="rect">
            <a:avLst/>
          </a:prstGeom>
          <a:noFill/>
        </p:spPr>
        <p:txBody>
          <a:bodyPr rtlCol="0" wrap="square">
            <a:spAutoFit/>
          </a:bodyPr>
          <a:lstStyle/>
          <a:p txid="aba2e7a9eab870068d7e8cadcc73d332">
            <a:pPr algn="ctr" indent="-342900" marL="342900">
              <a:buClr>
                <a:srgbClr val="008CCF"/>
              </a:buClr>
              <a:buFont charset="-79" pitchFamily="2" typeface="Rubik"/>
              <a:buChar char="•"/>
            </a:pPr>
            <a:r>
              <a:rPr dirty="0" lang="en-NO" sz="2400"/>
              <a:t>Qui peut visualiser ou modifier les métadonnées</a:t>
            </a:r>
            <a:r>
              <a:rPr dirty="0" lang="en-NO" sz="2400">
                <a:latin typeface="+mj-lt"/>
              </a:rPr>
            </a:r>
            <a:r>
              <a:rPr dirty="0" lang="en-NO" sz="2400"/>
            </a:r>
            <a:r>
              <a:rPr dirty="0" lang="en-NO" sz="2400">
                <a:latin typeface="+mj-lt"/>
              </a:rPr>
            </a:r>
            <a:r>
              <a:rPr dirty="0" lang="en-NO" sz="2400"/>
            </a:r>
          </a:p>
        </p:txBody>
      </p:sp>
      <p:sp>
        <p:nvSpPr>
          <p:cNvPr id="17" name="TextBox 16">
            <a:extLst>
              <a:ext uri="{FF2B5EF4-FFF2-40B4-BE49-F238E27FC236}">
                <a16:creationId xmlns:a16="http://schemas.microsoft.com/office/drawing/2014/main" id="{441E6FEE-405D-12F9-0AD1-BEA84BDCDC3B}"/>
              </a:ext>
            </a:extLst>
          </p:cNvPr>
          <p:cNvSpPr txBox="1"/>
          <p:nvPr/>
        </p:nvSpPr>
        <p:spPr>
          <a:xfrm>
            <a:off x="6643067" y="2716962"/>
            <a:ext cx="3081502" cy="830997"/>
          </a:xfrm>
          <a:prstGeom prst="rect">
            <a:avLst/>
          </a:prstGeom>
          <a:noFill/>
        </p:spPr>
        <p:txBody>
          <a:bodyPr rtlCol="0" wrap="square">
            <a:spAutoFit/>
          </a:bodyPr>
          <a:lstStyle/>
          <a:p txid="7b46f2d915e88233fd21c5aa6fa5183b">
            <a:pPr algn="ctr" indent="-342900" marL="342900">
              <a:buClr>
                <a:srgbClr val="008CCF"/>
              </a:buClr>
              <a:buFont charset="-79" pitchFamily="2" typeface="Rubik"/>
              <a:buChar char="•"/>
            </a:pPr>
            <a:r>
              <a:rPr dirty="0" lang="en-US" sz="2400"/>
              <a:t>Qui peut saisir et visualiser les données</a:t>
            </a:r>
            <a:r>
              <a:rPr dirty="0" lang="en-NO" sz="2400"/>
            </a:r>
            <a:r>
              <a:rPr dirty="0" lang="en-NO" sz="2400">
                <a:latin typeface="+mj-lt"/>
              </a:rPr>
            </a:r>
            <a:r>
              <a:rPr dirty="0" lang="en-NO" sz="2400"/>
            </a:r>
            <a:r>
              <a:rPr dirty="0" lang="en-NO" sz="2400">
                <a:latin typeface="+mj-lt"/>
              </a:rPr>
            </a:r>
            <a:r>
              <a:rPr dirty="0" lang="en-NO" sz="2400"/>
            </a:r>
          </a:p>
        </p:txBody>
      </p:sp>
      <p:grpSp>
        <p:nvGrpSpPr>
          <p:cNvPr id="22" name="Group 21">
            <a:extLst>
              <a:ext uri="{FF2B5EF4-FFF2-40B4-BE49-F238E27FC236}">
                <a16:creationId xmlns:a16="http://schemas.microsoft.com/office/drawing/2014/main" id="{AA97B9C9-EE04-F9E3-7788-A33BE8F68284}"/>
              </a:ext>
            </a:extLst>
          </p:cNvPr>
          <p:cNvGrpSpPr/>
          <p:nvPr/>
        </p:nvGrpSpPr>
        <p:grpSpPr>
          <a:xfrm>
            <a:off x="4393019" y="3700093"/>
            <a:ext cx="999631" cy="985708"/>
            <a:chOff x="5536888" y="3222942"/>
            <a:chExt cx="765075" cy="754419"/>
          </a:xfrm>
        </p:grpSpPr>
        <p:sp>
          <p:nvSpPr>
            <p:cNvPr id="23" name="Freeform 22">
              <a:extLst>
                <a:ext uri="{FF2B5EF4-FFF2-40B4-BE49-F238E27FC236}">
                  <a16:creationId xmlns:a16="http://schemas.microsoft.com/office/drawing/2014/main" id="{210C0A44-B0A6-78D4-402E-12611135FD95}"/>
                </a:ext>
              </a:extLst>
            </p:cNvPr>
            <p:cNvSpPr/>
            <p:nvPr/>
          </p:nvSpPr>
          <p:spPr>
            <a:xfrm>
              <a:off x="6143958" y="3222942"/>
              <a:ext cx="158005" cy="157344"/>
            </a:xfrm>
            <a:custGeom>
              <a:avLst/>
              <a:gdLst>
                <a:gd fmla="*/ 149063 w 158005" name="connsiteX0"/>
                <a:gd fmla="*/ 62486 h 157344" name="connsiteY0"/>
                <a:gd fmla="*/ 95611 w 158005" name="connsiteX1"/>
                <a:gd fmla="*/ 9034 h 157344" name="connsiteY1"/>
                <a:gd fmla="*/ 52699 w 158005" name="connsiteX2"/>
                <a:gd fmla="*/ 9034 h 157344" name="connsiteY2"/>
                <a:gd fmla="*/ 0 w 158005" name="connsiteX3"/>
                <a:gd fmla="*/ 61733 h 157344" name="connsiteY3"/>
                <a:gd fmla="*/ 95611 w 158005" name="connsiteX4"/>
                <a:gd fmla="*/ 157345 h 157344" name="connsiteY4"/>
                <a:gd fmla="*/ 148310 w 158005" name="connsiteX5"/>
                <a:gd fmla="*/ 104645 h 157344" name="connsiteY5"/>
                <a:gd fmla="*/ 149063 w 158005" name="connsiteX6"/>
                <a:gd fmla="*/ 62486 h 15734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7344" w="158005">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cap="flat" w="7441">
              <a:noFill/>
              <a:prstDash val="solid"/>
              <a:miter/>
            </a:ln>
          </p:spPr>
          <p:txBody>
            <a:bodyPr anchor="ctr" rtlCol="0"/>
            <a:lstStyle/>
            <a:p>
              <a:endParaRPr lang="en-NO"/>
            </a:p>
          </p:txBody>
        </p:sp>
        <p:sp>
          <p:nvSpPr>
            <p:cNvPr id="24" name="Rounded Rectangle 23">
              <a:extLst>
                <a:ext uri="{FF2B5EF4-FFF2-40B4-BE49-F238E27FC236}">
                  <a16:creationId xmlns:a16="http://schemas.microsoft.com/office/drawing/2014/main" id="{77AABCF3-792B-7592-6C9E-AF6F4D39626F}"/>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NO"/>
            </a:p>
          </p:txBody>
        </p:sp>
        <p:sp>
          <p:nvSpPr>
            <p:cNvPr id="25" name="Freeform 24">
              <a:extLst>
                <a:ext uri="{FF2B5EF4-FFF2-40B4-BE49-F238E27FC236}">
                  <a16:creationId xmlns:a16="http://schemas.microsoft.com/office/drawing/2014/main" id="{AFF61F75-795C-E69B-26AA-C19A7A63BD6A}"/>
                </a:ext>
              </a:extLst>
            </p:cNvPr>
            <p:cNvSpPr/>
            <p:nvPr/>
          </p:nvSpPr>
          <p:spPr>
            <a:xfrm>
              <a:off x="5699027" y="3305755"/>
              <a:ext cx="520215" cy="520215"/>
            </a:xfrm>
            <a:custGeom>
              <a:avLst/>
              <a:gdLst>
                <a:gd fmla="*/ 127984 w 520215" name="connsiteX0"/>
                <a:gd fmla="*/ 392985 h 520215" name="connsiteY0"/>
                <a:gd fmla="*/ 127984 w 520215" name="connsiteX1"/>
                <a:gd fmla="*/ 446437 h 520215" name="connsiteY1"/>
                <a:gd fmla="*/ 63992 w 520215" name="connsiteX2"/>
                <a:gd fmla="*/ 467517 h 520215" name="connsiteY2"/>
                <a:gd fmla="*/ 52699 w 520215" name="connsiteX3"/>
                <a:gd fmla="*/ 456224 h 520215" name="connsiteY3"/>
                <a:gd fmla="*/ 73779 w 520215" name="connsiteX4"/>
                <a:gd fmla="*/ 392232 h 520215" name="connsiteY4"/>
                <a:gd fmla="*/ 127984 w 520215" name="connsiteX5"/>
                <a:gd fmla="*/ 392985 h 520215" name="connsiteY5"/>
                <a:gd fmla="*/ 423852 w 520215" name="connsiteX6"/>
                <a:gd fmla="*/ 0 h 520215" name="connsiteY6"/>
                <a:gd fmla="*/ 47429 w 520215" name="connsiteX7"/>
                <a:gd fmla="*/ 377175 h 520215" name="connsiteY7"/>
                <a:gd fmla="*/ 0 w 520215" name="connsiteX8"/>
                <a:gd fmla="*/ 520216 h 520215" name="connsiteY8"/>
                <a:gd fmla="*/ 143793 w 520215" name="connsiteX9"/>
                <a:gd fmla="*/ 472787 h 520215" name="connsiteY9"/>
                <a:gd fmla="*/ 520216 w 520215" name="connsiteX10"/>
                <a:gd fmla="*/ 96364 h 520215"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520215" w="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cap="flat" w="7441">
              <a:noFill/>
              <a:prstDash val="solid"/>
              <a:miter/>
            </a:ln>
          </p:spPr>
          <p:txBody>
            <a:bodyPr anchor="ctr" rtlCol="0"/>
            <a:lstStyle/>
            <a:p>
              <a:endParaRPr dirty="0" lang="en-NO">
                <a:solidFill>
                  <a:schemeClr val="tx2"/>
                </a:solidFill>
              </a:endParaRPr>
            </a:p>
          </p:txBody>
        </p:sp>
      </p:grpSp>
      <p:pic>
        <p:nvPicPr>
          <p:cNvPr id="26" name="Picture 25">
            <a:extLst>
              <a:ext uri="{FF2B5EF4-FFF2-40B4-BE49-F238E27FC236}">
                <a16:creationId xmlns:a16="http://schemas.microsoft.com/office/drawing/2014/main" id="{81181211-D4FD-0C94-23C4-D2BB5FE632AB}"/>
              </a:ext>
            </a:extLst>
          </p:cNvPr>
          <p:cNvPicPr>
            <a:picLocks noChangeAspect="1"/>
          </p:cNvPicPr>
          <p:nvPr/>
        </p:nvPicPr>
        <p:blipFill>
          <a:blip r:embed="rId4"/>
          <a:stretch>
            <a:fillRect/>
          </a:stretch>
        </p:blipFill>
        <p:spPr>
          <a:xfrm>
            <a:off x="2749215" y="3834452"/>
            <a:ext cx="1286031" cy="716991"/>
          </a:xfrm>
          <a:prstGeom prst="rect">
            <a:avLst/>
          </a:prstGeom>
        </p:spPr>
      </p:pic>
      <p:pic>
        <p:nvPicPr>
          <p:cNvPr id="27" name="Picture 26">
            <a:extLst>
              <a:ext uri="{FF2B5EF4-FFF2-40B4-BE49-F238E27FC236}">
                <a16:creationId xmlns:a16="http://schemas.microsoft.com/office/drawing/2014/main" id="{4B8E00AC-754A-7B69-1C62-CB407039F7C0}"/>
              </a:ext>
            </a:extLst>
          </p:cNvPr>
          <p:cNvPicPr>
            <a:picLocks noChangeAspect="1"/>
          </p:cNvPicPr>
          <p:nvPr/>
        </p:nvPicPr>
        <p:blipFill>
          <a:blip r:embed="rId4"/>
          <a:stretch>
            <a:fillRect/>
          </a:stretch>
        </p:blipFill>
        <p:spPr>
          <a:xfrm>
            <a:off x="8385099" y="3834452"/>
            <a:ext cx="1286031" cy="716991"/>
          </a:xfrm>
          <a:prstGeom prst="rect">
            <a:avLst/>
          </a:prstGeom>
        </p:spPr>
      </p:pic>
      <p:pic>
        <p:nvPicPr>
          <p:cNvPr id="28" name="Picture 27">
            <a:extLst>
              <a:ext uri="{FF2B5EF4-FFF2-40B4-BE49-F238E27FC236}">
                <a16:creationId xmlns:a16="http://schemas.microsoft.com/office/drawing/2014/main" id="{600108A1-CBAE-0726-E434-81041BB8CBE6}"/>
              </a:ext>
            </a:extLst>
          </p:cNvPr>
          <p:cNvPicPr>
            <a:picLocks noChangeAspect="1"/>
          </p:cNvPicPr>
          <p:nvPr/>
        </p:nvPicPr>
        <p:blipFill>
          <a:blip r:embed="rId5"/>
          <a:stretch>
            <a:fillRect/>
          </a:stretch>
        </p:blipFill>
        <p:spPr>
          <a:xfrm>
            <a:off x="7133124" y="3677261"/>
            <a:ext cx="1031373" cy="1031373"/>
          </a:xfrm>
          <a:prstGeom prst="rect">
            <a:avLst/>
          </a:prstGeom>
        </p:spPr>
      </p:pic>
      <p:sp>
        <p:nvSpPr>
          <p:cNvPr id="16" name="!!sharingbox">
            <a:extLst>
              <a:ext uri="{FF2B5EF4-FFF2-40B4-BE49-F238E27FC236}">
                <a16:creationId xmlns:a16="http://schemas.microsoft.com/office/drawing/2014/main" id="{AECBBA78-B1F0-CEC8-8371-A6D3DBB3F492}"/>
              </a:ext>
            </a:extLst>
          </p:cNvPr>
          <p:cNvSpPr/>
          <p:nvPr/>
        </p:nvSpPr>
        <p:spPr>
          <a:xfrm>
            <a:off x="2692855" y="1316915"/>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ef9fb0ac3aac959eb3053572a5390a70">
            <a:pPr algn="ctr"/>
            <a:r>
              <a:rPr lang="es-ES" sz="2400"/>
              <a:t>Métadonnées</a:t>
            </a:r>
            <a:endParaRPr dirty="0" lang="en-NO" sz="2400"/>
          </a:p>
        </p:txBody>
      </p:sp>
      <p:sp>
        <p:nvSpPr>
          <p:cNvPr id="19" name="!!sharingbox">
            <a:extLst>
              <a:ext uri="{FF2B5EF4-FFF2-40B4-BE49-F238E27FC236}">
                <a16:creationId xmlns:a16="http://schemas.microsoft.com/office/drawing/2014/main" id="{218991D9-D692-7F0C-4114-12C1530389CB}"/>
              </a:ext>
            </a:extLst>
          </p:cNvPr>
          <p:cNvSpPr/>
          <p:nvPr/>
        </p:nvSpPr>
        <p:spPr>
          <a:xfrm>
            <a:off x="6868015" y="1316915"/>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9fb75cfcf19533f66befd47cad6b6c5">
            <a:pPr algn="ctr"/>
            <a:r>
              <a:rPr lang="es-ES" sz="2400"/>
              <a:t>Données</a:t>
            </a:r>
            <a:endParaRPr dirty="0" lang="en-NO" sz="2400"/>
          </a:p>
        </p:txBody>
      </p:sp>
      <p:cxnSp>
        <p:nvCxnSpPr>
          <p:cNvPr id="4" name="Straight Arrow Connector 3">
            <a:extLst>
              <a:ext uri="{FF2B5EF4-FFF2-40B4-BE49-F238E27FC236}">
                <a16:creationId xmlns:a16="http://schemas.microsoft.com/office/drawing/2014/main" id="{904EA511-3810-AD63-DB16-49754DB8EC47}"/>
              </a:ext>
            </a:extLst>
          </p:cNvPr>
          <p:cNvCxnSpPr>
            <a:cxnSpLocks/>
          </p:cNvCxnSpPr>
          <p:nvPr/>
        </p:nvCxnSpPr>
        <p:spPr>
          <a:xfrm>
            <a:off x="4008658" y="2036622"/>
            <a:ext cx="0" cy="643441"/>
          </a:xfrm>
          <a:prstGeom prst="straightConnector1">
            <a:avLst/>
          </a:prstGeom>
          <a:ln cap="rnd" w="53975">
            <a:solidFill>
              <a:schemeClr val="accent2"/>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20" name="Straight Arrow Connector 19">
            <a:extLst>
              <a:ext uri="{FF2B5EF4-FFF2-40B4-BE49-F238E27FC236}">
                <a16:creationId xmlns:a16="http://schemas.microsoft.com/office/drawing/2014/main" id="{07AF1C14-B809-25B1-39EA-EE31669D82BA}"/>
              </a:ext>
            </a:extLst>
          </p:cNvPr>
          <p:cNvCxnSpPr>
            <a:cxnSpLocks/>
          </p:cNvCxnSpPr>
          <p:nvPr/>
        </p:nvCxnSpPr>
        <p:spPr>
          <a:xfrm>
            <a:off x="8183818" y="2036622"/>
            <a:ext cx="0" cy="643441"/>
          </a:xfrm>
          <a:prstGeom prst="straightConnector1">
            <a:avLst/>
          </a:prstGeom>
          <a:ln cap="rnd" w="53975">
            <a:solidFill>
              <a:schemeClr val="accent2"/>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29" name="Group 28">
            <a:extLst>
              <a:ext uri="{FF2B5EF4-FFF2-40B4-BE49-F238E27FC236}">
                <a16:creationId xmlns:a16="http://schemas.microsoft.com/office/drawing/2014/main" id="{A8D723B3-D3E8-A1FC-75AA-6A6BBEB190F5}"/>
              </a:ext>
            </a:extLst>
          </p:cNvPr>
          <p:cNvGrpSpPr/>
          <p:nvPr/>
        </p:nvGrpSpPr>
        <p:grpSpPr>
          <a:xfrm>
            <a:off x="6325567" y="5209233"/>
            <a:ext cx="2059532" cy="1075684"/>
            <a:chOff x="1671165" y="2522230"/>
            <a:chExt cx="3435654" cy="1794426"/>
          </a:xfrm>
        </p:grpSpPr>
        <p:sp>
          <p:nvSpPr>
            <p:cNvPr id="30" name="Freeform: Shape 29">
              <a:extLst>
                <a:ext uri="{FF2B5EF4-FFF2-40B4-BE49-F238E27FC236}">
                  <a16:creationId xmlns:a16="http://schemas.microsoft.com/office/drawing/2014/main" id="{EA740A26-A11E-C242-2CF9-F6AE48DCCBEF}"/>
                </a:ext>
              </a:extLst>
            </p:cNvPr>
            <p:cNvSpPr/>
            <p:nvPr/>
          </p:nvSpPr>
          <p:spPr>
            <a:xfrm rot="21573000">
              <a:off x="3588865" y="2549439"/>
              <a:ext cx="37336" cy="37336"/>
            </a:xfrm>
            <a:custGeom>
              <a:avLst/>
              <a:gdLst>
                <a:gd fmla="*/ 52609 w 52609" name="connsiteX0"/>
                <a:gd fmla="*/ 26305 h 52609" name="connsiteY0"/>
                <a:gd fmla="*/ 26305 w 52609" name="connsiteX1"/>
                <a:gd fmla="*/ 52610 h 52609" name="connsiteY1"/>
                <a:gd fmla="*/ 0 w 52609" name="connsiteX2"/>
                <a:gd fmla="*/ 26305 h 52609" name="connsiteY2"/>
                <a:gd fmla="*/ 26305 w 52609" name="connsiteX3"/>
                <a:gd fmla="*/ 0 h 52609" name="connsiteY3"/>
                <a:gd fmla="*/ 52609 w 52609" name="connsiteX4"/>
                <a:gd fmla="*/ 26305 h 52609"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2609" w="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cap="flat" w="4680">
              <a:noFill/>
              <a:prstDash val="solid"/>
              <a:miter/>
            </a:ln>
          </p:spPr>
          <p:txBody>
            <a:bodyPr anchor="ctr" rtlCol="0"/>
            <a:lstStyle/>
            <a:p>
              <a:endParaRPr lang="es-ES"/>
            </a:p>
          </p:txBody>
        </p:sp>
        <p:sp>
          <p:nvSpPr>
            <p:cNvPr id="31" name="Freeform: Shape 30">
              <a:extLst>
                <a:ext uri="{FF2B5EF4-FFF2-40B4-BE49-F238E27FC236}">
                  <a16:creationId xmlns:a16="http://schemas.microsoft.com/office/drawing/2014/main" id="{4FAB25A0-3E65-0E80-3F6C-43A6D8344EBD}"/>
                </a:ext>
              </a:extLst>
            </p:cNvPr>
            <p:cNvSpPr/>
            <p:nvPr/>
          </p:nvSpPr>
          <p:spPr>
            <a:xfrm>
              <a:off x="2120535" y="4214047"/>
              <a:ext cx="2986284" cy="102609"/>
            </a:xfrm>
            <a:custGeom>
              <a:avLst/>
              <a:gdLst>
                <a:gd fmla="*/ 4206049 w 4207827" name="connsiteX0"/>
                <a:gd fmla="*/ 0 h 144582" name="connsiteY0"/>
                <a:gd fmla="*/ 2403751 w 4207827" name="connsiteX1"/>
                <a:gd fmla="*/ 0 h 144582" name="connsiteY1"/>
                <a:gd fmla="*/ 2362983 w 4207827" name="connsiteX2"/>
                <a:gd fmla="*/ 65715 h 144582" name="connsiteY2"/>
                <a:gd fmla="*/ 1840866 w 4207827" name="connsiteX3"/>
                <a:gd fmla="*/ 65715 h 144582" name="connsiteY3"/>
                <a:gd fmla="*/ 1800098 w 4207827" name="connsiteX4"/>
                <a:gd fmla="*/ 0 h 144582" name="connsiteY4"/>
                <a:gd fmla="*/ 1825 w 4207827" name="connsiteX5"/>
                <a:gd fmla="*/ 0 h 144582" name="connsiteY5"/>
                <a:gd fmla="*/ 0 w 4207827" name="connsiteX6"/>
                <a:gd fmla="*/ 3604 h 144582" name="connsiteY6"/>
                <a:gd fmla="*/ 238615 w 4207827" name="connsiteX7"/>
                <a:gd fmla="*/ 144583 h 144582" name="connsiteY7"/>
                <a:gd fmla="*/ 3969212 w 4207827" name="connsiteX8"/>
                <a:gd fmla="*/ 144583 h 144582" name="connsiteY8"/>
                <a:gd fmla="*/ 4207827 w 4207827" name="connsiteX9"/>
                <a:gd fmla="*/ 3604 h 144582" name="connsiteY9"/>
                <a:gd fmla="*/ 4206002 w 4207827" name="connsiteX10"/>
                <a:gd fmla="*/ 0 h 144582"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144582" w="4207827">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cap="flat" w="4680">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0980078D-A108-FC3E-4690-693B895D9533}"/>
                </a:ext>
              </a:extLst>
            </p:cNvPr>
            <p:cNvSpPr/>
            <p:nvPr/>
          </p:nvSpPr>
          <p:spPr>
            <a:xfrm>
              <a:off x="3568867" y="2653640"/>
              <a:ext cx="1123992" cy="1392292"/>
            </a:xfrm>
            <a:custGeom>
              <a:avLst/>
              <a:gdLst>
                <a:gd fmla="*/ 1140513 w 1583762" name="connsiteX0"/>
                <a:gd fmla="*/ 0 h 1961811" name="connsiteY0"/>
                <a:gd fmla="*/ 1549126 w 1583762" name="connsiteX1"/>
                <a:gd fmla="*/ 0 h 1961811" name="connsiteY1"/>
                <a:gd fmla="*/ 1583762 w 1583762" name="connsiteX2"/>
                <a:gd fmla="*/ 34636 h 1961811" name="connsiteY2"/>
                <a:gd fmla="*/ 1583762 w 1583762" name="connsiteX3"/>
                <a:gd fmla="*/ 1927175 h 1961811" name="connsiteY3"/>
                <a:gd fmla="*/ 1549126 w 1583762" name="connsiteX4"/>
                <a:gd fmla="*/ 1961811 h 1961811" name="connsiteY4"/>
                <a:gd fmla="*/ 0 w 1583762" name="connsiteX5"/>
                <a:gd fmla="*/ 1961811 h 1961811" name="connsiteY5"/>
                <a:gd fmla="*/ 1140513 w 1583762" name="connsiteX6"/>
                <a:gd fmla="*/ 0 h 1961811"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961811" w="1583762">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cap="flat" w="4680">
              <a:noFill/>
              <a:prstDash val="solid"/>
              <a:miter/>
            </a:ln>
          </p:spPr>
          <p:txBody>
            <a:bodyPr anchor="ctr" rtlCol="0"/>
            <a:lstStyle/>
            <a:p>
              <a:endParaRPr lang="es-ES"/>
            </a:p>
          </p:txBody>
        </p:sp>
        <p:sp>
          <p:nvSpPr>
            <p:cNvPr id="33" name="Freeform: Shape 32">
              <a:extLst>
                <a:ext uri="{FF2B5EF4-FFF2-40B4-BE49-F238E27FC236}">
                  <a16:creationId xmlns:a16="http://schemas.microsoft.com/office/drawing/2014/main" id="{1524257F-CFC2-2022-7FB8-C04A1A264E00}"/>
                </a:ext>
              </a:extLst>
            </p:cNvPr>
            <p:cNvSpPr/>
            <p:nvPr/>
          </p:nvSpPr>
          <p:spPr>
            <a:xfrm>
              <a:off x="2407471" y="2522230"/>
              <a:ext cx="2399357" cy="1641990"/>
            </a:xfrm>
            <a:custGeom>
              <a:avLst/>
              <a:gdLst>
                <a:gd fmla="*/ 3319316 w 3380817" name="connsiteX0"/>
                <a:gd fmla="*/ 0 h 2313649" name="connsiteY0"/>
                <a:gd fmla="*/ 61503 w 3380817" name="connsiteX1"/>
                <a:gd fmla="*/ 0 h 2313649" name="connsiteY1"/>
                <a:gd fmla="*/ 0 w 3380817" name="connsiteX2"/>
                <a:gd fmla="*/ 61503 h 2313649" name="connsiteY2"/>
                <a:gd fmla="*/ 0 w 3380817" name="connsiteX3"/>
                <a:gd fmla="*/ 318466 h 2313649" name="connsiteY3"/>
                <a:gd fmla="*/ 128435 w 3380817" name="connsiteX4"/>
                <a:gd fmla="*/ 318887 h 2313649" name="connsiteY4"/>
                <a:gd fmla="*/ 128435 w 3380817" name="connsiteX5"/>
                <a:gd fmla="*/ 165037 h 2313649" name="connsiteY5"/>
                <a:gd fmla="*/ 163445 w 3380817" name="connsiteX6"/>
                <a:gd fmla="*/ 129745 h 2313649" name="connsiteY6"/>
                <a:gd fmla="*/ 3237921 w 3380817" name="connsiteX7"/>
                <a:gd fmla="*/ 129745 h 2313649" name="connsiteY7"/>
                <a:gd fmla="*/ 3272931 w 3380817" name="connsiteX8"/>
                <a:gd fmla="*/ 165037 h 2313649" name="connsiteY8"/>
                <a:gd fmla="*/ 3272931 w 3380817" name="connsiteX9"/>
                <a:gd fmla="*/ 2165229 h 2313649" name="connsiteY9"/>
                <a:gd fmla="*/ 3237921 w 3380817" name="connsiteX10"/>
                <a:gd fmla="*/ 2200520 h 2313649" name="connsiteY10"/>
                <a:gd fmla="*/ 163445 w 3380817" name="connsiteX11"/>
                <a:gd fmla="*/ 2200520 h 2313649" name="connsiteY11"/>
                <a:gd fmla="*/ 128435 w 3380817" name="connsiteX12"/>
                <a:gd fmla="*/ 2165229 h 2313649" name="connsiteY12"/>
                <a:gd fmla="*/ 128435 w 3380817" name="connsiteX13"/>
                <a:gd fmla="*/ 1989052 h 2313649" name="connsiteY13"/>
                <a:gd fmla="*/ 0 w 3380817" name="connsiteX14"/>
                <a:gd fmla="*/ 1989707 h 2313649" name="connsiteY14"/>
                <a:gd fmla="*/ 0 w 3380817" name="connsiteX15"/>
                <a:gd fmla="*/ 2252147 h 2313649" name="connsiteY15"/>
                <a:gd fmla="*/ 61503 w 3380817" name="connsiteX16"/>
                <a:gd fmla="*/ 2313649 h 2313649" name="connsiteY16"/>
                <a:gd fmla="*/ 3319316 w 3380817" name="connsiteX17"/>
                <a:gd fmla="*/ 2313649 h 2313649" name="connsiteY17"/>
                <a:gd fmla="*/ 3380818 w 3380817" name="connsiteX18"/>
                <a:gd fmla="*/ 2252147 h 2313649" name="connsiteY18"/>
                <a:gd fmla="*/ 3380818 w 3380817" name="connsiteX19"/>
                <a:gd fmla="*/ 61503 h 2313649" name="connsiteY19"/>
                <a:gd fmla="*/ 3319316 w 3380817" name="connsiteX20"/>
                <a:gd fmla="*/ 0 h 2313649"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2313649" w="3380817">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cap="flat" w="4680">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2D8E7797-DFAA-876D-B46A-04177924EB68}"/>
                </a:ext>
              </a:extLst>
            </p:cNvPr>
            <p:cNvSpPr/>
            <p:nvPr/>
          </p:nvSpPr>
          <p:spPr>
            <a:xfrm>
              <a:off x="2405744" y="2748244"/>
              <a:ext cx="1727" cy="1186075"/>
            </a:xfrm>
            <a:custGeom>
              <a:avLst/>
              <a:gdLst>
                <a:gd fmla="*/ 0 w 2433" name="connsiteX0"/>
                <a:gd fmla="*/ 0 h 1671241" name="connsiteY0"/>
                <a:gd fmla="*/ 0 w 2433" name="connsiteX1"/>
                <a:gd fmla="*/ 1671242 h 1671241" name="connsiteY1"/>
                <a:gd fmla="*/ 2434 w 2433" name="connsiteX2"/>
                <a:gd fmla="*/ 1671242 h 1671241" name="connsiteY2"/>
                <a:gd fmla="*/ 2434 w 2433" name="connsiteX3"/>
                <a:gd fmla="*/ 0 h 1671241" name="connsiteY3"/>
                <a:gd fmla="*/ 0 w 2433" name="connsiteX4"/>
                <a:gd fmla="*/ 0 h 1671241"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671241" w="2433">
                  <a:moveTo>
                    <a:pt x="0" y="0"/>
                  </a:moveTo>
                  <a:lnTo>
                    <a:pt x="0" y="1671242"/>
                  </a:lnTo>
                  <a:lnTo>
                    <a:pt x="2434" y="1671242"/>
                  </a:lnTo>
                  <a:lnTo>
                    <a:pt x="2434" y="0"/>
                  </a:lnTo>
                  <a:lnTo>
                    <a:pt x="0" y="0"/>
                  </a:lnTo>
                  <a:close/>
                </a:path>
              </a:pathLst>
            </a:custGeom>
            <a:solidFill>
              <a:srgbClr val="FFFFFF"/>
            </a:solidFill>
            <a:ln cap="flat" w="468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AE443995-102A-5F60-2106-72BBCF424221}"/>
                </a:ext>
              </a:extLst>
            </p:cNvPr>
            <p:cNvSpPr/>
            <p:nvPr/>
          </p:nvSpPr>
          <p:spPr>
            <a:xfrm>
              <a:off x="2040414" y="3546070"/>
              <a:ext cx="621472" cy="248004"/>
            </a:xfrm>
            <a:custGeom>
              <a:avLst/>
              <a:gdLst>
                <a:gd fmla="*/ 875687 w 875686" name="connsiteX0"/>
                <a:gd fmla="*/ 0 h 349450" name="connsiteY0"/>
                <a:gd fmla="*/ 405477 w 875686" name="connsiteX1"/>
                <a:gd fmla="*/ 0 h 349450" name="connsiteY1"/>
                <a:gd fmla="*/ 405477 w 875686" name="connsiteX2"/>
                <a:gd fmla="*/ 349451 h 349450" name="connsiteY2"/>
                <a:gd fmla="*/ 0 w 875686" name="connsiteX3"/>
                <a:gd fmla="*/ 349451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0"/>
                  </a:moveTo>
                  <a:lnTo>
                    <a:pt x="405477" y="0"/>
                  </a:lnTo>
                  <a:lnTo>
                    <a:pt x="405477" y="349451"/>
                  </a:lnTo>
                  <a:lnTo>
                    <a:pt x="0" y="349451"/>
                  </a:lnTo>
                </a:path>
              </a:pathLst>
            </a:custGeom>
            <a:noFill/>
            <a:ln cap="rnd" w="83624">
              <a:solidFill>
                <a:srgbClr val="093371"/>
              </a:solidFill>
              <a:prstDash val="solid"/>
              <a:round/>
            </a:ln>
          </p:spPr>
          <p:txBody>
            <a:bodyPr anchor="ctr" rtlCol="0"/>
            <a:lstStyle/>
            <a:p>
              <a:endParaRPr lang="es-ES"/>
            </a:p>
          </p:txBody>
        </p:sp>
        <p:sp>
          <p:nvSpPr>
            <p:cNvPr id="36" name="Freeform: Shape 35">
              <a:extLst>
                <a:ext uri="{FF2B5EF4-FFF2-40B4-BE49-F238E27FC236}">
                  <a16:creationId xmlns:a16="http://schemas.microsoft.com/office/drawing/2014/main" id="{9FA6C176-25DE-DC3C-58C1-1F0E95DCA303}"/>
                </a:ext>
              </a:extLst>
            </p:cNvPr>
            <p:cNvSpPr/>
            <p:nvPr/>
          </p:nvSpPr>
          <p:spPr>
            <a:xfrm>
              <a:off x="2040414" y="3351977"/>
              <a:ext cx="326564" cy="3321"/>
            </a:xfrm>
            <a:custGeom>
              <a:avLst/>
              <a:gdLst>
                <a:gd fmla="*/ 0 w 460146" name="connsiteX0"/>
                <a:gd fmla="*/ 0 h 4680" name="connsiteY0"/>
                <a:gd fmla="*/ 460146 w 460146" name="connsiteX1"/>
                <a:gd fmla="*/ 0 h 4680" name="connsiteY1"/>
              </a:gdLst>
              <a:ahLst/>
              <a:cxnLst>
                <a:cxn ang="0">
                  <a:pos x="connsiteX0" y="connsiteY0"/>
                </a:cxn>
                <a:cxn ang="0">
                  <a:pos x="connsiteX1" y="connsiteY1"/>
                </a:cxn>
              </a:cxnLst>
              <a:rect b="b" l="l" r="r" t="t"/>
              <a:pathLst>
                <a:path h="4680" w="460146">
                  <a:moveTo>
                    <a:pt x="0" y="0"/>
                  </a:moveTo>
                  <a:lnTo>
                    <a:pt x="460146" y="0"/>
                  </a:lnTo>
                </a:path>
              </a:pathLst>
            </a:custGeom>
            <a:ln cap="rnd" w="83624">
              <a:solidFill>
                <a:srgbClr val="093371"/>
              </a:solidFill>
              <a:prstDash val="solid"/>
              <a:round/>
            </a:ln>
          </p:spPr>
          <p:txBody>
            <a:bodyPr anchor="ctr" rtlCol="0"/>
            <a:lstStyle/>
            <a:p>
              <a:endParaRPr lang="es-ES"/>
            </a:p>
          </p:txBody>
        </p:sp>
        <p:sp>
          <p:nvSpPr>
            <p:cNvPr id="37" name="Freeform: Shape 36">
              <a:extLst>
                <a:ext uri="{FF2B5EF4-FFF2-40B4-BE49-F238E27FC236}">
                  <a16:creationId xmlns:a16="http://schemas.microsoft.com/office/drawing/2014/main" id="{9EAAAB0E-DDCE-5500-388D-8D2B6FE6D247}"/>
                </a:ext>
              </a:extLst>
            </p:cNvPr>
            <p:cNvSpPr/>
            <p:nvPr/>
          </p:nvSpPr>
          <p:spPr>
            <a:xfrm>
              <a:off x="2506460" y="3354867"/>
              <a:ext cx="282550" cy="3321"/>
            </a:xfrm>
            <a:custGeom>
              <a:avLst/>
              <a:gdLst>
                <a:gd fmla="*/ 0 w 398128" name="connsiteX0"/>
                <a:gd fmla="*/ 0 h 4680" name="connsiteY0"/>
                <a:gd fmla="*/ 398129 w 398128" name="connsiteX1"/>
                <a:gd fmla="*/ 0 h 4680" name="connsiteY1"/>
              </a:gdLst>
              <a:ahLst/>
              <a:cxnLst>
                <a:cxn ang="0">
                  <a:pos x="connsiteX0" y="connsiteY0"/>
                </a:cxn>
                <a:cxn ang="0">
                  <a:pos x="connsiteX1" y="connsiteY1"/>
                </a:cxn>
              </a:cxnLst>
              <a:rect b="b" l="l" r="r" t="t"/>
              <a:pathLst>
                <a:path h="4680" w="398128">
                  <a:moveTo>
                    <a:pt x="0" y="0"/>
                  </a:moveTo>
                  <a:lnTo>
                    <a:pt x="398129" y="0"/>
                  </a:lnTo>
                </a:path>
              </a:pathLst>
            </a:custGeom>
            <a:ln cap="rnd" w="83624">
              <a:solidFill>
                <a:srgbClr val="093371"/>
              </a:solidFill>
              <a:prstDash val="solid"/>
              <a:round/>
            </a:ln>
          </p:spPr>
          <p:txBody>
            <a:bodyPr anchor="ctr" rtlCol="0"/>
            <a:lstStyle/>
            <a:p>
              <a:endParaRPr lang="es-ES"/>
            </a:p>
          </p:txBody>
        </p:sp>
        <p:sp>
          <p:nvSpPr>
            <p:cNvPr id="38" name="Freeform: Shape 37">
              <a:extLst>
                <a:ext uri="{FF2B5EF4-FFF2-40B4-BE49-F238E27FC236}">
                  <a16:creationId xmlns:a16="http://schemas.microsoft.com/office/drawing/2014/main" id="{4FCDD5C8-8459-6144-4CFD-61353BD40890}"/>
                </a:ext>
              </a:extLst>
            </p:cNvPr>
            <p:cNvSpPr/>
            <p:nvPr/>
          </p:nvSpPr>
          <p:spPr>
            <a:xfrm>
              <a:off x="1671165" y="3204889"/>
              <a:ext cx="297299" cy="297299"/>
            </a:xfrm>
            <a:custGeom>
              <a:avLst/>
              <a:gdLst>
                <a:gd fmla="*/ 418910 w 418910" name="connsiteX0"/>
                <a:gd fmla="*/ 209455 h 418910" name="connsiteY0"/>
                <a:gd fmla="*/ 209455 w 418910" name="connsiteX1"/>
                <a:gd fmla="*/ 418910 h 418910" name="connsiteY1"/>
                <a:gd fmla="*/ 0 w 418910" name="connsiteX2"/>
                <a:gd fmla="*/ 209455 h 418910" name="connsiteY2"/>
                <a:gd fmla="*/ 209455 w 418910" name="connsiteX3"/>
                <a:gd fmla="*/ 0 h 418910" name="connsiteY3"/>
                <a:gd fmla="*/ 418910 w 418910" name="connsiteX4"/>
                <a:gd fmla="*/ 209455 h 41891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8910" w="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cap="flat" w="4680">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D56610D7-381B-E7D8-DC9F-6BBF648DC004}"/>
                </a:ext>
              </a:extLst>
            </p:cNvPr>
            <p:cNvSpPr/>
            <p:nvPr/>
          </p:nvSpPr>
          <p:spPr>
            <a:xfrm>
              <a:off x="1694019" y="2778106"/>
              <a:ext cx="251559" cy="251559"/>
            </a:xfrm>
            <a:custGeom>
              <a:avLst/>
              <a:gdLst>
                <a:gd fmla="*/ 323380 w 354459" name="connsiteX0"/>
                <a:gd fmla="*/ 0 h 354459" name="connsiteY0"/>
                <a:gd fmla="*/ 354459 w 354459" name="connsiteX1"/>
                <a:gd fmla="*/ 31079 h 354459" name="connsiteY1"/>
                <a:gd fmla="*/ 354459 w 354459" name="connsiteX2"/>
                <a:gd fmla="*/ 323380 h 354459" name="connsiteY2"/>
                <a:gd fmla="*/ 323380 w 354459" name="connsiteX3"/>
                <a:gd fmla="*/ 354459 h 354459" name="connsiteY3"/>
                <a:gd fmla="*/ 31079 w 354459" name="connsiteX4"/>
                <a:gd fmla="*/ 354459 h 354459" name="connsiteY4"/>
                <a:gd fmla="*/ 0 w 354459" name="connsiteX5"/>
                <a:gd fmla="*/ 323380 h 354459" name="connsiteY5"/>
                <a:gd fmla="*/ 0 w 354459" name="connsiteX6"/>
                <a:gd fmla="*/ 31079 h 354459" name="connsiteY6"/>
                <a:gd fmla="*/ 31079 w 354459" name="connsiteX7"/>
                <a:gd fmla="*/ 0 h 35445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54459" w="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cap="flat" w="4680">
              <a:noFill/>
              <a:prstDash val="solid"/>
              <a:miter/>
            </a:ln>
          </p:spPr>
          <p:txBody>
            <a:bodyPr anchor="ctr" rtlCol="0"/>
            <a:lstStyle/>
            <a:p>
              <a:endParaRPr lang="es-ES"/>
            </a:p>
          </p:txBody>
        </p:sp>
        <p:sp>
          <p:nvSpPr>
            <p:cNvPr id="40" name="Freeform: Shape 39">
              <a:extLst>
                <a:ext uri="{FF2B5EF4-FFF2-40B4-BE49-F238E27FC236}">
                  <a16:creationId xmlns:a16="http://schemas.microsoft.com/office/drawing/2014/main" id="{BCFE2E4A-6FD3-97F7-6570-370797090E20}"/>
                </a:ext>
              </a:extLst>
            </p:cNvPr>
            <p:cNvSpPr/>
            <p:nvPr/>
          </p:nvSpPr>
          <p:spPr>
            <a:xfrm>
              <a:off x="1674701" y="3643381"/>
              <a:ext cx="290199" cy="270841"/>
            </a:xfrm>
            <a:custGeom>
              <a:avLst/>
              <a:gdLst>
                <a:gd fmla="*/ 25629 w 408905" name="connsiteX0"/>
                <a:gd fmla="*/ 381583 h 381629" name="connsiteY0"/>
                <a:gd fmla="*/ 383271 w 408905" name="connsiteX1"/>
                <a:gd fmla="*/ 381583 h 381629" name="connsiteY1"/>
                <a:gd fmla="*/ 405784 w 408905" name="connsiteX2"/>
                <a:gd fmla="*/ 343764 h 381629" name="connsiteY2"/>
                <a:gd fmla="*/ 226940 w 408905" name="connsiteX3"/>
                <a:gd fmla="*/ 13410 h 381629" name="connsiteY3"/>
                <a:gd fmla="*/ 181913 w 408905" name="connsiteX4"/>
                <a:gd fmla="*/ 13410 h 381629" name="connsiteY4"/>
                <a:gd fmla="*/ 3115 w 408905" name="connsiteX5"/>
                <a:gd fmla="*/ 343811 h 381629" name="connsiteY5"/>
                <a:gd fmla="*/ 25629 w 408905" name="connsiteX6"/>
                <a:gd fmla="*/ 381630 h 381629"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381629" w="408905">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cap="flat" w="4680">
              <a:noFill/>
              <a:prstDash val="solid"/>
              <a:miter/>
            </a:ln>
          </p:spPr>
          <p:txBody>
            <a:bodyPr anchor="ctr" rtlCol="0"/>
            <a:lstStyle/>
            <a:p>
              <a:endParaRPr lang="es-ES"/>
            </a:p>
          </p:txBody>
        </p:sp>
        <p:sp>
          <p:nvSpPr>
            <p:cNvPr id="41" name="Freeform: Shape 40">
              <a:extLst>
                <a:ext uri="{FF2B5EF4-FFF2-40B4-BE49-F238E27FC236}">
                  <a16:creationId xmlns:a16="http://schemas.microsoft.com/office/drawing/2014/main" id="{CE428E40-3A10-CED9-67E3-C29C9DB7E3C2}"/>
                </a:ext>
              </a:extLst>
            </p:cNvPr>
            <p:cNvSpPr/>
            <p:nvPr/>
          </p:nvSpPr>
          <p:spPr>
            <a:xfrm>
              <a:off x="2040414" y="2904965"/>
              <a:ext cx="621472" cy="248004"/>
            </a:xfrm>
            <a:custGeom>
              <a:avLst/>
              <a:gdLst>
                <a:gd fmla="*/ 875687 w 875686" name="connsiteX0"/>
                <a:gd fmla="*/ 349451 h 349450" name="connsiteY0"/>
                <a:gd fmla="*/ 405477 w 875686" name="connsiteX1"/>
                <a:gd fmla="*/ 349451 h 349450" name="connsiteY1"/>
                <a:gd fmla="*/ 405477 w 875686" name="connsiteX2"/>
                <a:gd fmla="*/ 0 h 349450" name="connsiteY2"/>
                <a:gd fmla="*/ 0 w 875686" name="connsiteX3"/>
                <a:gd fmla="*/ 0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349451"/>
                  </a:moveTo>
                  <a:lnTo>
                    <a:pt x="405477" y="349451"/>
                  </a:lnTo>
                  <a:lnTo>
                    <a:pt x="405477" y="0"/>
                  </a:lnTo>
                  <a:lnTo>
                    <a:pt x="0" y="0"/>
                  </a:lnTo>
                </a:path>
              </a:pathLst>
            </a:custGeom>
            <a:noFill/>
            <a:ln cap="rnd" w="83624">
              <a:solidFill>
                <a:srgbClr val="093371"/>
              </a:solidFill>
              <a:prstDash val="solid"/>
              <a:round/>
            </a:ln>
          </p:spPr>
          <p:txBody>
            <a:bodyPr anchor="ctr" rtlCol="0"/>
            <a:lstStyle/>
            <a:p>
              <a:endParaRPr lang="es-ES"/>
            </a:p>
          </p:txBody>
        </p:sp>
      </p:grpSp>
      <p:pic>
        <p:nvPicPr>
          <p:cNvPr id="6" name="Graphic 5">
            <a:extLst>
              <a:ext uri="{FF2B5EF4-FFF2-40B4-BE49-F238E27FC236}">
                <a16:creationId xmlns:a16="http://schemas.microsoft.com/office/drawing/2014/main" id="{D89C288B-ED9C-554F-CBE2-8805702CB873}"/>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8529459" y="5211953"/>
            <a:ext cx="1459283" cy="1070245"/>
          </a:xfrm>
          <a:prstGeom prst="rect">
            <a:avLst/>
          </a:prstGeom>
        </p:spPr>
      </p:pic>
      <p:sp>
        <p:nvSpPr>
          <p:cNvPr id="42" name="Right Brace 41">
            <a:extLst>
              <a:ext uri="{FF2B5EF4-FFF2-40B4-BE49-F238E27FC236}">
                <a16:creationId xmlns:a16="http://schemas.microsoft.com/office/drawing/2014/main" id="{42D6C405-BFB5-686F-707C-5B31CC6DE2F5}"/>
              </a:ext>
            </a:extLst>
          </p:cNvPr>
          <p:cNvSpPr/>
          <p:nvPr/>
        </p:nvSpPr>
        <p:spPr>
          <a:xfrm flipV="1" rot="16200000">
            <a:off x="8123803" y="3180232"/>
            <a:ext cx="377939" cy="3351939"/>
          </a:xfrm>
          <a:prstGeom prst="rightBrace">
            <a:avLst>
              <a:gd fmla="val 64017" name="adj1"/>
              <a:gd fmla="val 50000"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Tree>
    <p:custDataLst>
      <p:tags r:id="rId1"/>
    </p:custDataLst>
    <p:extLst>
      <p:ext uri="{BB962C8B-B14F-4D97-AF65-F5344CB8AC3E}">
        <p14:creationId xmlns:p14="http://schemas.microsoft.com/office/powerpoint/2010/main" val="2402979242"/>
      </p:ext>
    </p:extLst>
  </p:cSld>
  <p:clrMapOvr>
    <a:masterClrMapping/>
  </p:clrMapOvr>
  <mc:AlternateContent xmlns:mc="http://schemas.openxmlformats.org/markup-compatibility/2006" xmlns:p14="http://schemas.microsoft.com/office/powerpoint/2010/main">
    <mc:Choice Requires="p14">
      <p:transition advTm="24581" p14:dur="2000" spd="slow"/>
    </mc:Choice>
    <mc:Fallback xmlns="">
      <p:transition advTm="24581"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6"/>
                                        </p:tgtEl>
                                        <p:attrNameLst>
                                          <p:attrName>style.visibility</p:attrName>
                                        </p:attrNameLst>
                                      </p:cBhvr>
                                      <p:to>
                                        <p:strVal val="visible"/>
                                      </p:to>
                                    </p:set>
                                    <p:animEffect filter="fade" transition="in">
                                      <p:cBhvr>
                                        <p:cTn dur="500" id="7"/>
                                        <p:tgtEl>
                                          <p:spTgt spid="16"/>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19"/>
                                        </p:tgtEl>
                                        <p:attrNameLst>
                                          <p:attrName>style.visibility</p:attrName>
                                        </p:attrNameLst>
                                      </p:cBhvr>
                                      <p:to>
                                        <p:strVal val="visible"/>
                                      </p:to>
                                    </p:set>
                                    <p:animEffect filter="fade" transition="in">
                                      <p:cBhvr>
                                        <p:cTn dur="500" id="10"/>
                                        <p:tgtEl>
                                          <p:spTgt spid="19"/>
                                        </p:tgtEl>
                                      </p:cBhvr>
                                    </p:animEffect>
                                  </p:childTnLst>
                                </p:cTn>
                              </p:par>
                            </p:childTnLst>
                          </p:cTn>
                        </p:par>
                      </p:childTnLst>
                    </p:cTn>
                  </p:par>
                  <p:par>
                    <p:cTn fill="hold" id="11">
                      <p:stCondLst>
                        <p:cond delay="indefinite"/>
                      </p:stCondLst>
                      <p:childTnLst>
                        <p:par>
                          <p:cTn fill="hold" id="12">
                            <p:stCondLst>
                              <p:cond delay="0"/>
                            </p:stCondLst>
                            <p:childTnLst>
                              <p:par>
                                <p:cTn fill="hold" id="13" nodeType="clickEffect" presetClass="entr" presetID="22" presetSubtype="1">
                                  <p:stCondLst>
                                    <p:cond delay="0"/>
                                  </p:stCondLst>
                                  <p:childTnLst>
                                    <p:set>
                                      <p:cBhvr>
                                        <p:cTn dur="1" fill="hold" id="14">
                                          <p:stCondLst>
                                            <p:cond delay="0"/>
                                          </p:stCondLst>
                                        </p:cTn>
                                        <p:tgtEl>
                                          <p:spTgt spid="4"/>
                                        </p:tgtEl>
                                        <p:attrNameLst>
                                          <p:attrName>style.visibility</p:attrName>
                                        </p:attrNameLst>
                                      </p:cBhvr>
                                      <p:to>
                                        <p:strVal val="visible"/>
                                      </p:to>
                                    </p:set>
                                    <p:animEffect filter="wipe(up)" transition="in">
                                      <p:cBhvr>
                                        <p:cTn dur="500" id="15"/>
                                        <p:tgtEl>
                                          <p:spTgt spid="4"/>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5"/>
                                        </p:tgtEl>
                                        <p:attrNameLst>
                                          <p:attrName>style.visibility</p:attrName>
                                        </p:attrNameLst>
                                      </p:cBhvr>
                                      <p:to>
                                        <p:strVal val="visible"/>
                                      </p:to>
                                    </p:set>
                                    <p:animEffect filter="fade" transition="in">
                                      <p:cBhvr>
                                        <p:cTn dur="500" id="20"/>
                                        <p:tgtEl>
                                          <p:spTgt spid="15"/>
                                        </p:tgtEl>
                                      </p:cBhvr>
                                    </p:animEffect>
                                  </p:childTnLst>
                                </p:cTn>
                              </p:par>
                              <p:par>
                                <p:cTn fill="hold" id="21" nodeType="withEffect" presetClass="entr" presetID="10" presetSubtype="0">
                                  <p:stCondLst>
                                    <p:cond delay="0"/>
                                  </p:stCondLst>
                                  <p:childTnLst>
                                    <p:set>
                                      <p:cBhvr>
                                        <p:cTn dur="1" fill="hold" id="22">
                                          <p:stCondLst>
                                            <p:cond delay="0"/>
                                          </p:stCondLst>
                                        </p:cTn>
                                        <p:tgtEl>
                                          <p:spTgt spid="26"/>
                                        </p:tgtEl>
                                        <p:attrNameLst>
                                          <p:attrName>style.visibility</p:attrName>
                                        </p:attrNameLst>
                                      </p:cBhvr>
                                      <p:to>
                                        <p:strVal val="visible"/>
                                      </p:to>
                                    </p:set>
                                    <p:animEffect filter="fade" transition="in">
                                      <p:cBhvr>
                                        <p:cTn dur="500" id="23"/>
                                        <p:tgtEl>
                                          <p:spTgt spid="26"/>
                                        </p:tgtEl>
                                      </p:cBhvr>
                                    </p:animEffect>
                                  </p:childTnLst>
                                </p:cTn>
                              </p:par>
                              <p:par>
                                <p:cTn fill="hold" id="24" nodeType="withEffect" presetClass="entr" presetID="10" presetSubtype="0">
                                  <p:stCondLst>
                                    <p:cond delay="0"/>
                                  </p:stCondLst>
                                  <p:childTnLst>
                                    <p:set>
                                      <p:cBhvr>
                                        <p:cTn dur="1" fill="hold" id="25">
                                          <p:stCondLst>
                                            <p:cond delay="0"/>
                                          </p:stCondLst>
                                        </p:cTn>
                                        <p:tgtEl>
                                          <p:spTgt spid="22"/>
                                        </p:tgtEl>
                                        <p:attrNameLst>
                                          <p:attrName>style.visibility</p:attrName>
                                        </p:attrNameLst>
                                      </p:cBhvr>
                                      <p:to>
                                        <p:strVal val="visible"/>
                                      </p:to>
                                    </p:set>
                                    <p:animEffect filter="fade" transition="in">
                                      <p:cBhvr>
                                        <p:cTn dur="500" id="26"/>
                                        <p:tgtEl>
                                          <p:spTgt spid="22"/>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22" presetSubtype="1">
                                  <p:stCondLst>
                                    <p:cond delay="0"/>
                                  </p:stCondLst>
                                  <p:childTnLst>
                                    <p:set>
                                      <p:cBhvr>
                                        <p:cTn dur="1" fill="hold" id="30">
                                          <p:stCondLst>
                                            <p:cond delay="0"/>
                                          </p:stCondLst>
                                        </p:cTn>
                                        <p:tgtEl>
                                          <p:spTgt spid="20"/>
                                        </p:tgtEl>
                                        <p:attrNameLst>
                                          <p:attrName>style.visibility</p:attrName>
                                        </p:attrNameLst>
                                      </p:cBhvr>
                                      <p:to>
                                        <p:strVal val="visible"/>
                                      </p:to>
                                    </p:set>
                                    <p:animEffect filter="wipe(up)" transition="in">
                                      <p:cBhvr>
                                        <p:cTn dur="500" id="31"/>
                                        <p:tgtEl>
                                          <p:spTgt spid="20"/>
                                        </p:tgtEl>
                                      </p:cBhvr>
                                    </p:animEffec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17"/>
                                        </p:tgtEl>
                                        <p:attrNameLst>
                                          <p:attrName>style.visibility</p:attrName>
                                        </p:attrNameLst>
                                      </p:cBhvr>
                                      <p:to>
                                        <p:strVal val="visible"/>
                                      </p:to>
                                    </p:set>
                                    <p:animEffect filter="fade" transition="in">
                                      <p:cBhvr>
                                        <p:cTn dur="500" id="36"/>
                                        <p:tgtEl>
                                          <p:spTgt spid="17"/>
                                        </p:tgtEl>
                                      </p:cBhvr>
                                    </p:animEffect>
                                  </p:childTnLst>
                                </p:cTn>
                              </p:par>
                              <p:par>
                                <p:cTn fill="hold" id="37" nodeType="withEffect" presetClass="entr" presetID="10" presetSubtype="0">
                                  <p:stCondLst>
                                    <p:cond delay="0"/>
                                  </p:stCondLst>
                                  <p:childTnLst>
                                    <p:set>
                                      <p:cBhvr>
                                        <p:cTn dur="1" fill="hold" id="38">
                                          <p:stCondLst>
                                            <p:cond delay="0"/>
                                          </p:stCondLst>
                                        </p:cTn>
                                        <p:tgtEl>
                                          <p:spTgt spid="27"/>
                                        </p:tgtEl>
                                        <p:attrNameLst>
                                          <p:attrName>style.visibility</p:attrName>
                                        </p:attrNameLst>
                                      </p:cBhvr>
                                      <p:to>
                                        <p:strVal val="visible"/>
                                      </p:to>
                                    </p:set>
                                    <p:animEffect filter="fade" transition="in">
                                      <p:cBhvr>
                                        <p:cTn dur="500" id="39"/>
                                        <p:tgtEl>
                                          <p:spTgt spid="27"/>
                                        </p:tgtEl>
                                      </p:cBhvr>
                                    </p:animEffect>
                                  </p:childTnLst>
                                </p:cTn>
                              </p:par>
                              <p:par>
                                <p:cTn fill="hold" id="40" nodeType="withEffect" presetClass="entr" presetID="10" presetSubtype="0">
                                  <p:stCondLst>
                                    <p:cond delay="0"/>
                                  </p:stCondLst>
                                  <p:childTnLst>
                                    <p:set>
                                      <p:cBhvr>
                                        <p:cTn dur="1" fill="hold" id="41">
                                          <p:stCondLst>
                                            <p:cond delay="0"/>
                                          </p:stCondLst>
                                        </p:cTn>
                                        <p:tgtEl>
                                          <p:spTgt spid="28"/>
                                        </p:tgtEl>
                                        <p:attrNameLst>
                                          <p:attrName>style.visibility</p:attrName>
                                        </p:attrNameLst>
                                      </p:cBhvr>
                                      <p:to>
                                        <p:strVal val="visible"/>
                                      </p:to>
                                    </p:set>
                                    <p:animEffect filter="fade" transition="in">
                                      <p:cBhvr>
                                        <p:cTn dur="500" id="42"/>
                                        <p:tgtEl>
                                          <p:spTgt spid="28"/>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22" presetSubtype="1">
                                  <p:stCondLst>
                                    <p:cond delay="0"/>
                                  </p:stCondLst>
                                  <p:childTnLst>
                                    <p:set>
                                      <p:cBhvr>
                                        <p:cTn dur="1" fill="hold" id="46">
                                          <p:stCondLst>
                                            <p:cond delay="0"/>
                                          </p:stCondLst>
                                        </p:cTn>
                                        <p:tgtEl>
                                          <p:spTgt spid="42"/>
                                        </p:tgtEl>
                                        <p:attrNameLst>
                                          <p:attrName>style.visibility</p:attrName>
                                        </p:attrNameLst>
                                      </p:cBhvr>
                                      <p:to>
                                        <p:strVal val="visible"/>
                                      </p:to>
                                    </p:set>
                                    <p:animEffect filter="wipe(up)" transition="in">
                                      <p:cBhvr>
                                        <p:cTn dur="500" id="47"/>
                                        <p:tgtEl>
                                          <p:spTgt spid="42"/>
                                        </p:tgtEl>
                                      </p:cBhvr>
                                    </p:animEffect>
                                  </p:childTnLst>
                                </p:cTn>
                              </p:par>
                            </p:childTnLst>
                          </p:cTn>
                        </p:par>
                      </p:childTnLst>
                    </p:cTn>
                  </p:par>
                  <p:par>
                    <p:cTn fill="hold" id="48">
                      <p:stCondLst>
                        <p:cond delay="indefinite"/>
                      </p:stCondLst>
                      <p:childTnLst>
                        <p:par>
                          <p:cTn fill="hold" id="49">
                            <p:stCondLst>
                              <p:cond delay="0"/>
                            </p:stCondLst>
                            <p:childTnLst>
                              <p:par>
                                <p:cTn fill="hold" id="50" nodeType="clickEffect" presetClass="entr" presetID="2" presetSubtype="4">
                                  <p:stCondLst>
                                    <p:cond delay="0"/>
                                  </p:stCondLst>
                                  <p:childTnLst>
                                    <p:set>
                                      <p:cBhvr>
                                        <p:cTn dur="1" fill="hold" id="51">
                                          <p:stCondLst>
                                            <p:cond delay="0"/>
                                          </p:stCondLst>
                                        </p:cTn>
                                        <p:tgtEl>
                                          <p:spTgt spid="29"/>
                                        </p:tgtEl>
                                        <p:attrNameLst>
                                          <p:attrName>style.visibility</p:attrName>
                                        </p:attrNameLst>
                                      </p:cBhvr>
                                      <p:to>
                                        <p:strVal val="visible"/>
                                      </p:to>
                                    </p:set>
                                    <p:anim calcmode="lin" valueType="num">
                                      <p:cBhvr additive="base">
                                        <p:cTn dur="500" fill="hold" id="52"/>
                                        <p:tgtEl>
                                          <p:spTgt spid="29"/>
                                        </p:tgtEl>
                                        <p:attrNameLst>
                                          <p:attrName>ppt_x</p:attrName>
                                        </p:attrNameLst>
                                      </p:cBhvr>
                                      <p:tavLst>
                                        <p:tav tm="0">
                                          <p:val>
                                            <p:strVal val="#ppt_x"/>
                                          </p:val>
                                        </p:tav>
                                        <p:tav tm="100000">
                                          <p:val>
                                            <p:strVal val="#ppt_x"/>
                                          </p:val>
                                        </p:tav>
                                      </p:tavLst>
                                    </p:anim>
                                    <p:anim calcmode="lin" valueType="num">
                                      <p:cBhvr additive="base">
                                        <p:cTn dur="500" fill="hold" id="53"/>
                                        <p:tgtEl>
                                          <p:spTgt spid="29"/>
                                        </p:tgtEl>
                                        <p:attrNameLst>
                                          <p:attrName>ppt_y</p:attrName>
                                        </p:attrNameLst>
                                      </p:cBhvr>
                                      <p:tavLst>
                                        <p:tav tm="0">
                                          <p:val>
                                            <p:strVal val="1+#ppt_h/2"/>
                                          </p:val>
                                        </p:tav>
                                        <p:tav tm="100000">
                                          <p:val>
                                            <p:strVal val="#ppt_y"/>
                                          </p:val>
                                        </p:tav>
                                      </p:tavLst>
                                    </p:anim>
                                  </p:childTnLst>
                                </p:cTn>
                              </p:par>
                            </p:childTnLst>
                          </p:cTn>
                        </p:par>
                      </p:childTnLst>
                    </p:cTn>
                  </p:par>
                  <p:par>
                    <p:cTn fill="hold" id="54">
                      <p:stCondLst>
                        <p:cond delay="indefinite"/>
                      </p:stCondLst>
                      <p:childTnLst>
                        <p:par>
                          <p:cTn fill="hold" id="55">
                            <p:stCondLst>
                              <p:cond delay="0"/>
                            </p:stCondLst>
                            <p:childTnLst>
                              <p:par>
                                <p:cTn fill="hold" id="56" nodeType="clickEffect" presetClass="entr" presetID="2" presetSubtype="4">
                                  <p:stCondLst>
                                    <p:cond delay="0"/>
                                  </p:stCondLst>
                                  <p:childTnLst>
                                    <p:set>
                                      <p:cBhvr>
                                        <p:cTn dur="1" fill="hold" id="57">
                                          <p:stCondLst>
                                            <p:cond delay="0"/>
                                          </p:stCondLst>
                                        </p:cTn>
                                        <p:tgtEl>
                                          <p:spTgt spid="6"/>
                                        </p:tgtEl>
                                        <p:attrNameLst>
                                          <p:attrName>style.visibility</p:attrName>
                                        </p:attrNameLst>
                                      </p:cBhvr>
                                      <p:to>
                                        <p:strVal val="visible"/>
                                      </p:to>
                                    </p:set>
                                    <p:anim calcmode="lin" valueType="num">
                                      <p:cBhvr additive="base">
                                        <p:cTn dur="500" fill="hold" id="58"/>
                                        <p:tgtEl>
                                          <p:spTgt spid="6"/>
                                        </p:tgtEl>
                                        <p:attrNameLst>
                                          <p:attrName>ppt_x</p:attrName>
                                        </p:attrNameLst>
                                      </p:cBhvr>
                                      <p:tavLst>
                                        <p:tav tm="0">
                                          <p:val>
                                            <p:strVal val="#ppt_x"/>
                                          </p:val>
                                        </p:tav>
                                        <p:tav tm="100000">
                                          <p:val>
                                            <p:strVal val="#ppt_x"/>
                                          </p:val>
                                        </p:tav>
                                      </p:tavLst>
                                    </p:anim>
                                    <p:anim calcmode="lin" valueType="num">
                                      <p:cBhvr additive="base">
                                        <p:cTn dur="500" fill="hold" id="59"/>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15"/>
      <p:bldP grpId="0" spid="17"/>
      <p:bldP animBg="1" grpId="0" spid="16"/>
      <p:bldP animBg="1" grpId="0" spid="19"/>
      <p:bldP animBg="1" grpId="0" spid="42"/>
    </p:bldLst>
  </p:timing>
</p:sld>
</file>

<file path=ppt/slides/slide1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847277-3940-883E-B9A4-FA5450665840}"/>
              </a:ext>
            </a:extLst>
          </p:cNvPr>
          <p:cNvSpPr>
            <a:spLocks noGrp="1"/>
          </p:cNvSpPr>
          <p:nvPr>
            <p:ph type="title"/>
          </p:nvPr>
        </p:nvSpPr>
        <p:spPr/>
        <p:txBody>
          <a:bodyPr/>
          <a:lstStyle/>
          <a:p txid="7cc488c5127307f53aa88f3624683ef3">
            <a:r>
              <a:rPr lang="es-ES"/>
              <a:t>Fonctionnalités des paramètres de partage</a:t>
            </a:r>
            <a:endParaRPr lang="en-NO"/>
          </a:p>
        </p:txBody>
      </p:sp>
      <p:sp>
        <p:nvSpPr>
          <p:cNvPr id="17" name="TextBox 16">
            <a:extLst>
              <a:ext uri="{FF2B5EF4-FFF2-40B4-BE49-F238E27FC236}">
                <a16:creationId xmlns:a16="http://schemas.microsoft.com/office/drawing/2014/main" id="{441E6FEE-405D-12F9-0AD1-BEA84BDCDC3B}"/>
              </a:ext>
            </a:extLst>
          </p:cNvPr>
          <p:cNvSpPr txBox="1"/>
          <p:nvPr/>
        </p:nvSpPr>
        <p:spPr>
          <a:xfrm>
            <a:off x="2193326" y="3211376"/>
            <a:ext cx="3081502" cy="830997"/>
          </a:xfrm>
          <a:prstGeom prst="rect">
            <a:avLst/>
          </a:prstGeom>
          <a:noFill/>
        </p:spPr>
        <p:txBody>
          <a:bodyPr rtlCol="0" wrap="square">
            <a:spAutoFit/>
          </a:bodyPr>
          <a:lstStyle/>
          <a:p txid="7b46f2d915e88233fd21c5aa6fa5183b">
            <a:pPr algn="ctr" indent="-342900" marL="342900">
              <a:buClr>
                <a:srgbClr val="008CCF"/>
              </a:buClr>
              <a:buFont charset="-79" pitchFamily="2" typeface="Rubik"/>
              <a:buChar char="•"/>
            </a:pPr>
            <a:r>
              <a:rPr dirty="0" lang="en-US" sz="2400"/>
              <a:t>Qui peut saisir et visualiser les données</a:t>
            </a:r>
            <a:r>
              <a:rPr dirty="0" lang="en-NO" sz="2400"/>
            </a:r>
            <a:r>
              <a:rPr dirty="0" lang="en-NO" sz="2400">
                <a:latin typeface="+mj-lt"/>
              </a:rPr>
            </a:r>
            <a:r>
              <a:rPr dirty="0" lang="en-NO" sz="2400"/>
            </a:r>
            <a:r>
              <a:rPr dirty="0" lang="en-NO" sz="2400">
                <a:latin typeface="+mj-lt"/>
              </a:rPr>
            </a:r>
            <a:r>
              <a:rPr dirty="0" lang="en-NO" sz="2400"/>
            </a:r>
          </a:p>
        </p:txBody>
      </p:sp>
      <p:pic>
        <p:nvPicPr>
          <p:cNvPr id="27" name="Picture 26">
            <a:extLst>
              <a:ext uri="{FF2B5EF4-FFF2-40B4-BE49-F238E27FC236}">
                <a16:creationId xmlns:a16="http://schemas.microsoft.com/office/drawing/2014/main" id="{4B8E00AC-754A-7B69-1C62-CB407039F7C0}"/>
              </a:ext>
            </a:extLst>
          </p:cNvPr>
          <p:cNvPicPr>
            <a:picLocks noChangeAspect="1"/>
          </p:cNvPicPr>
          <p:nvPr/>
        </p:nvPicPr>
        <p:blipFill>
          <a:blip r:embed="rId4"/>
          <a:stretch>
            <a:fillRect/>
          </a:stretch>
        </p:blipFill>
        <p:spPr>
          <a:xfrm>
            <a:off x="3935358" y="4328866"/>
            <a:ext cx="1286031" cy="716991"/>
          </a:xfrm>
          <a:prstGeom prst="rect">
            <a:avLst/>
          </a:prstGeom>
        </p:spPr>
      </p:pic>
      <p:pic>
        <p:nvPicPr>
          <p:cNvPr id="28" name="Picture 27">
            <a:extLst>
              <a:ext uri="{FF2B5EF4-FFF2-40B4-BE49-F238E27FC236}">
                <a16:creationId xmlns:a16="http://schemas.microsoft.com/office/drawing/2014/main" id="{600108A1-CBAE-0726-E434-81041BB8CBE6}"/>
              </a:ext>
            </a:extLst>
          </p:cNvPr>
          <p:cNvPicPr>
            <a:picLocks noChangeAspect="1"/>
          </p:cNvPicPr>
          <p:nvPr/>
        </p:nvPicPr>
        <p:blipFill>
          <a:blip r:embed="rId5"/>
          <a:stretch>
            <a:fillRect/>
          </a:stretch>
        </p:blipFill>
        <p:spPr>
          <a:xfrm>
            <a:off x="2683383" y="4171675"/>
            <a:ext cx="1031373" cy="1031373"/>
          </a:xfrm>
          <a:prstGeom prst="rect">
            <a:avLst/>
          </a:prstGeom>
        </p:spPr>
      </p:pic>
      <p:sp>
        <p:nvSpPr>
          <p:cNvPr id="19" name="!!sharingbox">
            <a:extLst>
              <a:ext uri="{FF2B5EF4-FFF2-40B4-BE49-F238E27FC236}">
                <a16:creationId xmlns:a16="http://schemas.microsoft.com/office/drawing/2014/main" id="{218991D9-D692-7F0C-4114-12C1530389CB}"/>
              </a:ext>
            </a:extLst>
          </p:cNvPr>
          <p:cNvSpPr/>
          <p:nvPr/>
        </p:nvSpPr>
        <p:spPr>
          <a:xfrm>
            <a:off x="2418274" y="181132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9fb75cfcf19533f66befd47cad6b6c5">
            <a:pPr algn="ctr"/>
            <a:r>
              <a:rPr lang="es-ES" sz="2400"/>
              <a:t>Données</a:t>
            </a:r>
            <a:endParaRPr dirty="0" lang="en-NO" sz="2400"/>
          </a:p>
        </p:txBody>
      </p:sp>
      <p:cxnSp>
        <p:nvCxnSpPr>
          <p:cNvPr id="20" name="Straight Arrow Connector 19">
            <a:extLst>
              <a:ext uri="{FF2B5EF4-FFF2-40B4-BE49-F238E27FC236}">
                <a16:creationId xmlns:a16="http://schemas.microsoft.com/office/drawing/2014/main" id="{07AF1C14-B809-25B1-39EA-EE31669D82BA}"/>
              </a:ext>
            </a:extLst>
          </p:cNvPr>
          <p:cNvCxnSpPr>
            <a:cxnSpLocks/>
          </p:cNvCxnSpPr>
          <p:nvPr/>
        </p:nvCxnSpPr>
        <p:spPr>
          <a:xfrm>
            <a:off x="3734077" y="2531036"/>
            <a:ext cx="0" cy="643441"/>
          </a:xfrm>
          <a:prstGeom prst="straightConnector1">
            <a:avLst/>
          </a:prstGeom>
          <a:ln cap="rnd" w="53975">
            <a:solidFill>
              <a:schemeClr val="accent2"/>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grpSp>
        <p:nvGrpSpPr>
          <p:cNvPr id="3" name="Group 2">
            <a:extLst>
              <a:ext uri="{FF2B5EF4-FFF2-40B4-BE49-F238E27FC236}">
                <a16:creationId xmlns:a16="http://schemas.microsoft.com/office/drawing/2014/main" id="{D720CEDF-C68B-86E1-00F2-3CC75E1461C8}"/>
              </a:ext>
            </a:extLst>
          </p:cNvPr>
          <p:cNvGrpSpPr/>
          <p:nvPr/>
        </p:nvGrpSpPr>
        <p:grpSpPr>
          <a:xfrm>
            <a:off x="7031030" y="2742398"/>
            <a:ext cx="2778022" cy="2426687"/>
            <a:chOff x="6552046" y="2780771"/>
            <a:chExt cx="3544454" cy="3096189"/>
          </a:xfrm>
        </p:grpSpPr>
        <p:sp>
          <p:nvSpPr>
            <p:cNvPr id="43" name="Freeform: Shape 42">
              <a:extLst>
                <a:ext uri="{FF2B5EF4-FFF2-40B4-BE49-F238E27FC236}">
                  <a16:creationId xmlns:a16="http://schemas.microsoft.com/office/drawing/2014/main" id="{A1DF6E45-982A-A908-04DA-6151F8627972}"/>
                </a:ext>
              </a:extLst>
            </p:cNvPr>
            <p:cNvSpPr/>
            <p:nvPr/>
          </p:nvSpPr>
          <p:spPr>
            <a:xfrm>
              <a:off x="6552046" y="2780771"/>
              <a:ext cx="3544454" cy="3096189"/>
            </a:xfrm>
            <a:custGeom>
              <a:avLst/>
              <a:gdLst>
                <a:gd fmla="*/ 5600345 w 5727617" name="connsiteX0"/>
                <a:gd fmla="*/ 0 h 5003249" name="connsiteY0"/>
                <a:gd fmla="*/ 130287 w 5727617" name="connsiteX1"/>
                <a:gd fmla="*/ 0 h 5003249" name="connsiteY1"/>
                <a:gd fmla="*/ 3015 w 5727617" name="connsiteX2"/>
                <a:gd fmla="*/ 127272 h 5003249" name="connsiteY2"/>
                <a:gd fmla="*/ 0 w 5727617" name="connsiteX3"/>
                <a:gd fmla="*/ 4892559 h 5003249" name="connsiteY3"/>
                <a:gd fmla="*/ 110690 w 5727617" name="connsiteX4"/>
                <a:gd fmla="*/ 5003249 h 5003249" name="connsiteY4"/>
                <a:gd fmla="*/ 5616855 w 5727617" name="connsiteX5"/>
                <a:gd fmla="*/ 5003249 h 5003249" name="connsiteY5"/>
                <a:gd fmla="*/ 5727618 w 5727617" name="connsiteX6"/>
                <a:gd fmla="*/ 4892559 h 5003249" name="connsiteY6"/>
                <a:gd fmla="*/ 5727618 w 5727617" name="connsiteX7"/>
                <a:gd fmla="*/ 127272 h 5003249" name="connsiteY7"/>
                <a:gd fmla="*/ 5600345 w 5727617" name="connsiteX8"/>
                <a:gd fmla="*/ 0 h 5003249"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5003249" w="5727617">
                  <a:moveTo>
                    <a:pt x="5600345" y="0"/>
                  </a:moveTo>
                  <a:lnTo>
                    <a:pt x="130287" y="0"/>
                  </a:lnTo>
                  <a:cubicBezTo>
                    <a:pt x="60083" y="0"/>
                    <a:pt x="3015" y="57068"/>
                    <a:pt x="3015" y="127272"/>
                  </a:cubicBezTo>
                  <a:lnTo>
                    <a:pt x="0" y="4892559"/>
                  </a:lnTo>
                  <a:cubicBezTo>
                    <a:pt x="0" y="4953647"/>
                    <a:pt x="49674" y="5003249"/>
                    <a:pt x="110690" y="5003249"/>
                  </a:cubicBezTo>
                  <a:lnTo>
                    <a:pt x="5616855" y="5003249"/>
                  </a:lnTo>
                  <a:cubicBezTo>
                    <a:pt x="5677943" y="5003249"/>
                    <a:pt x="5727618" y="4953575"/>
                    <a:pt x="5727618" y="4892559"/>
                  </a:cubicBezTo>
                  <a:lnTo>
                    <a:pt x="5727618" y="127272"/>
                  </a:lnTo>
                  <a:cubicBezTo>
                    <a:pt x="5727618" y="57068"/>
                    <a:pt x="5670550" y="0"/>
                    <a:pt x="5600345" y="0"/>
                  </a:cubicBezTo>
                  <a:close/>
                </a:path>
              </a:pathLst>
            </a:custGeom>
            <a:solidFill>
              <a:srgbClr val="093371"/>
            </a:solidFill>
            <a:ln cap="flat" w="7174">
              <a:noFill/>
              <a:prstDash val="solid"/>
              <a:miter/>
            </a:ln>
          </p:spPr>
          <p:txBody>
            <a:bodyPr anchor="ctr" rtlCol="0"/>
            <a:lstStyle/>
            <a:p>
              <a:endParaRPr lang="es-ES"/>
            </a:p>
          </p:txBody>
        </p:sp>
        <p:sp>
          <p:nvSpPr>
            <p:cNvPr id="44" name="Freeform: Shape 43">
              <a:extLst>
                <a:ext uri="{FF2B5EF4-FFF2-40B4-BE49-F238E27FC236}">
                  <a16:creationId xmlns:a16="http://schemas.microsoft.com/office/drawing/2014/main" id="{9248F34A-8A41-2C12-2219-8E4EE73FF098}"/>
                </a:ext>
              </a:extLst>
            </p:cNvPr>
            <p:cNvSpPr/>
            <p:nvPr/>
          </p:nvSpPr>
          <p:spPr>
            <a:xfrm>
              <a:off x="6905688" y="3002416"/>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45" name="!!org1">
              <a:extLst>
                <a:ext uri="{FF2B5EF4-FFF2-40B4-BE49-F238E27FC236}">
                  <a16:creationId xmlns:a16="http://schemas.microsoft.com/office/drawing/2014/main" id="{A07F6E9C-B1BA-69BE-954B-EC2CB1FF879F}"/>
                </a:ext>
              </a:extLst>
            </p:cNvPr>
            <p:cNvGrpSpPr/>
            <p:nvPr/>
          </p:nvGrpSpPr>
          <p:grpSpPr>
            <a:xfrm>
              <a:off x="7043027" y="3346296"/>
              <a:ext cx="939768" cy="500993"/>
              <a:chOff x="7485269" y="3333178"/>
              <a:chExt cx="1034675" cy="551588"/>
            </a:xfrm>
          </p:grpSpPr>
          <p:grpSp>
            <p:nvGrpSpPr>
              <p:cNvPr id="46" name="Graphic 9">
                <a:extLst>
                  <a:ext uri="{FF2B5EF4-FFF2-40B4-BE49-F238E27FC236}">
                    <a16:creationId xmlns:a16="http://schemas.microsoft.com/office/drawing/2014/main" id="{50661D3C-5B2B-1F22-41EE-491958423777}"/>
                  </a:ext>
                </a:extLst>
              </p:cNvPr>
              <p:cNvGrpSpPr/>
              <p:nvPr/>
            </p:nvGrpSpPr>
            <p:grpSpPr>
              <a:xfrm>
                <a:off x="7485269" y="3333178"/>
                <a:ext cx="1034675" cy="551588"/>
                <a:chOff x="7485269" y="3333178"/>
                <a:chExt cx="1034675" cy="551588"/>
              </a:xfrm>
            </p:grpSpPr>
            <p:sp>
              <p:nvSpPr>
                <p:cNvPr id="52" name="Freeform: Shape 51">
                  <a:extLst>
                    <a:ext uri="{FF2B5EF4-FFF2-40B4-BE49-F238E27FC236}">
                      <a16:creationId xmlns:a16="http://schemas.microsoft.com/office/drawing/2014/main" id="{30E71B1E-C37C-78CA-778B-90BFFFE8A32B}"/>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53" name="Freeform: Shape 52">
                  <a:extLst>
                    <a:ext uri="{FF2B5EF4-FFF2-40B4-BE49-F238E27FC236}">
                      <a16:creationId xmlns:a16="http://schemas.microsoft.com/office/drawing/2014/main" id="{08FBCC80-C24A-40E1-0D39-DB5078A04AAC}"/>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54" name="Freeform: Shape 53">
                  <a:extLst>
                    <a:ext uri="{FF2B5EF4-FFF2-40B4-BE49-F238E27FC236}">
                      <a16:creationId xmlns:a16="http://schemas.microsoft.com/office/drawing/2014/main" id="{C46130E2-09A8-E8EB-918E-D8EE89F77A36}"/>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47" name="Graphic 9">
                <a:extLst>
                  <a:ext uri="{FF2B5EF4-FFF2-40B4-BE49-F238E27FC236}">
                    <a16:creationId xmlns:a16="http://schemas.microsoft.com/office/drawing/2014/main" id="{A068822C-9EE9-E226-728B-EBE205434382}"/>
                  </a:ext>
                </a:extLst>
              </p:cNvPr>
              <p:cNvGrpSpPr/>
              <p:nvPr/>
            </p:nvGrpSpPr>
            <p:grpSpPr>
              <a:xfrm>
                <a:off x="7691729" y="3447623"/>
                <a:ext cx="322697" cy="322697"/>
                <a:chOff x="7691729" y="3447623"/>
                <a:chExt cx="322697" cy="322697"/>
              </a:xfrm>
            </p:grpSpPr>
            <p:sp>
              <p:nvSpPr>
                <p:cNvPr id="48" name="Freeform: Shape 47">
                  <a:extLst>
                    <a:ext uri="{FF2B5EF4-FFF2-40B4-BE49-F238E27FC236}">
                      <a16:creationId xmlns:a16="http://schemas.microsoft.com/office/drawing/2014/main" id="{B1AF5209-4F36-FCE8-F32D-C6A754082176}"/>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49" name="Freeform: Shape 48">
                  <a:extLst>
                    <a:ext uri="{FF2B5EF4-FFF2-40B4-BE49-F238E27FC236}">
                      <a16:creationId xmlns:a16="http://schemas.microsoft.com/office/drawing/2014/main" id="{16B8ABCE-9231-E910-C6F1-D6D6E9402EBE}"/>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50" name="Freeform: Shape 49">
                  <a:extLst>
                    <a:ext uri="{FF2B5EF4-FFF2-40B4-BE49-F238E27FC236}">
                      <a16:creationId xmlns:a16="http://schemas.microsoft.com/office/drawing/2014/main" id="{E70EA672-F4AC-9D43-C6DB-752F55B034E8}"/>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51" name="Freeform: Shape 50">
                  <a:extLst>
                    <a:ext uri="{FF2B5EF4-FFF2-40B4-BE49-F238E27FC236}">
                      <a16:creationId xmlns:a16="http://schemas.microsoft.com/office/drawing/2014/main" id="{20AA3CFC-1217-5368-4594-41C461C0A65A}"/>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55" name="!!cel2">
              <a:extLst>
                <a:ext uri="{FF2B5EF4-FFF2-40B4-BE49-F238E27FC236}">
                  <a16:creationId xmlns:a16="http://schemas.microsoft.com/office/drawing/2014/main" id="{0F39AB42-8616-F513-DEF0-B628626387D5}"/>
                </a:ext>
              </a:extLst>
            </p:cNvPr>
            <p:cNvGrpSpPr/>
            <p:nvPr/>
          </p:nvGrpSpPr>
          <p:grpSpPr>
            <a:xfrm>
              <a:off x="7043027" y="4096953"/>
              <a:ext cx="939769" cy="500993"/>
              <a:chOff x="7485269" y="3980878"/>
              <a:chExt cx="1034675" cy="551588"/>
            </a:xfrm>
          </p:grpSpPr>
          <p:grpSp>
            <p:nvGrpSpPr>
              <p:cNvPr id="56" name="Graphic 10">
                <a:extLst>
                  <a:ext uri="{FF2B5EF4-FFF2-40B4-BE49-F238E27FC236}">
                    <a16:creationId xmlns:a16="http://schemas.microsoft.com/office/drawing/2014/main" id="{BE6BC56C-7D1F-D565-DE26-2F6FBC96688C}"/>
                  </a:ext>
                </a:extLst>
              </p:cNvPr>
              <p:cNvGrpSpPr/>
              <p:nvPr/>
            </p:nvGrpSpPr>
            <p:grpSpPr>
              <a:xfrm>
                <a:off x="7485269" y="3980878"/>
                <a:ext cx="1034675" cy="551588"/>
                <a:chOff x="7485269" y="3980878"/>
                <a:chExt cx="1034675" cy="551588"/>
              </a:xfrm>
            </p:grpSpPr>
            <p:sp>
              <p:nvSpPr>
                <p:cNvPr id="62" name="Freeform: Shape 61">
                  <a:extLst>
                    <a:ext uri="{FF2B5EF4-FFF2-40B4-BE49-F238E27FC236}">
                      <a16:creationId xmlns:a16="http://schemas.microsoft.com/office/drawing/2014/main" id="{58E05F1A-658C-0C96-F7AA-E900A8D78BD6}"/>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63" name="Freeform: Shape 62">
                  <a:extLst>
                    <a:ext uri="{FF2B5EF4-FFF2-40B4-BE49-F238E27FC236}">
                      <a16:creationId xmlns:a16="http://schemas.microsoft.com/office/drawing/2014/main" id="{00A5956F-E174-00BA-5FD7-CEBCFDCAB7D5}"/>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64" name="Freeform: Shape 63">
                  <a:extLst>
                    <a:ext uri="{FF2B5EF4-FFF2-40B4-BE49-F238E27FC236}">
                      <a16:creationId xmlns:a16="http://schemas.microsoft.com/office/drawing/2014/main" id="{F762585B-E41F-AAD0-18E4-47F8FA48A68B}"/>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57" name="Graphic 10">
                <a:extLst>
                  <a:ext uri="{FF2B5EF4-FFF2-40B4-BE49-F238E27FC236}">
                    <a16:creationId xmlns:a16="http://schemas.microsoft.com/office/drawing/2014/main" id="{E82D43D5-EB96-3BDE-C070-B49285167B7E}"/>
                  </a:ext>
                </a:extLst>
              </p:cNvPr>
              <p:cNvGrpSpPr/>
              <p:nvPr/>
            </p:nvGrpSpPr>
            <p:grpSpPr>
              <a:xfrm>
                <a:off x="7691729" y="4095323"/>
                <a:ext cx="322697" cy="322697"/>
                <a:chOff x="7691729" y="4095323"/>
                <a:chExt cx="322697" cy="322697"/>
              </a:xfrm>
            </p:grpSpPr>
            <p:sp>
              <p:nvSpPr>
                <p:cNvPr id="58" name="Freeform: Shape 57">
                  <a:extLst>
                    <a:ext uri="{FF2B5EF4-FFF2-40B4-BE49-F238E27FC236}">
                      <a16:creationId xmlns:a16="http://schemas.microsoft.com/office/drawing/2014/main" id="{3F90AE91-B13D-1E5A-BBEC-64BBD93E56D5}"/>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59" name="Freeform: Shape 58">
                  <a:extLst>
                    <a:ext uri="{FF2B5EF4-FFF2-40B4-BE49-F238E27FC236}">
                      <a16:creationId xmlns:a16="http://schemas.microsoft.com/office/drawing/2014/main" id="{70CA9805-B9D0-A8CA-B6F9-AA48ADF35E2B}"/>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3378FCFE-DE27-10AA-C07A-B18D997674C4}"/>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61" name="Freeform: Shape 60">
                  <a:extLst>
                    <a:ext uri="{FF2B5EF4-FFF2-40B4-BE49-F238E27FC236}">
                      <a16:creationId xmlns:a16="http://schemas.microsoft.com/office/drawing/2014/main" id="{4E1DB7DB-5FEC-F7A5-DD0D-BF783DB396E4}"/>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65" name="!!bl1">
              <a:extLst>
                <a:ext uri="{FF2B5EF4-FFF2-40B4-BE49-F238E27FC236}">
                  <a16:creationId xmlns:a16="http://schemas.microsoft.com/office/drawing/2014/main" id="{EFE51647-BFEC-18F5-2D9A-D100EACE8C87}"/>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043027" y="4847609"/>
              <a:ext cx="941979" cy="502149"/>
            </a:xfrm>
            <a:prstGeom prst="rect">
              <a:avLst/>
            </a:prstGeom>
          </p:spPr>
        </p:pic>
        <p:sp>
          <p:nvSpPr>
            <p:cNvPr id="66" name="Freeform: Shape 65">
              <a:extLst>
                <a:ext uri="{FF2B5EF4-FFF2-40B4-BE49-F238E27FC236}">
                  <a16:creationId xmlns:a16="http://schemas.microsoft.com/office/drawing/2014/main" id="{B727BFA2-3705-FB67-7B59-DA2709045AC8}"/>
                </a:ext>
              </a:extLst>
            </p:cNvPr>
            <p:cNvSpPr/>
            <p:nvPr/>
          </p:nvSpPr>
          <p:spPr>
            <a:xfrm>
              <a:off x="8485390" y="3002416"/>
              <a:ext cx="1257468" cy="2652899"/>
            </a:xfrm>
            <a:custGeom>
              <a:avLst/>
              <a:gdLst>
                <a:gd fmla="*/ 1580030 w 1711896" name="connsiteX0"/>
                <a:gd fmla="*/ 0 h 4286920" name="connsiteY0"/>
                <a:gd fmla="*/ 1711896 w 1711896" name="connsiteX1"/>
                <a:gd fmla="*/ 131867 h 4286920" name="connsiteY1"/>
                <a:gd fmla="*/ 1711896 w 1711896" name="connsiteX2"/>
                <a:gd fmla="*/ 4155054 h 4286920" name="connsiteY2"/>
                <a:gd fmla="*/ 1580030 w 1711896" name="connsiteX3"/>
                <a:gd fmla="*/ 4286920 h 4286920" name="connsiteY3"/>
                <a:gd fmla="*/ 131867 w 1711896" name="connsiteX4"/>
                <a:gd fmla="*/ 4286920 h 4286920" name="connsiteY4"/>
                <a:gd fmla="*/ 0 w 1711896" name="connsiteX5"/>
                <a:gd fmla="*/ 4155054 h 4286920" name="connsiteY5"/>
                <a:gd fmla="*/ 0 w 1711896" name="connsiteX6"/>
                <a:gd fmla="*/ 131867 h 4286920" name="connsiteY6"/>
                <a:gd fmla="*/ 131867 w 1711896" name="connsiteX7"/>
                <a:gd fmla="*/ 0 h 4286920"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4286920" w="1711896">
                  <a:moveTo>
                    <a:pt x="1580030" y="0"/>
                  </a:moveTo>
                  <a:cubicBezTo>
                    <a:pt x="1652858" y="0"/>
                    <a:pt x="1711896" y="59039"/>
                    <a:pt x="1711896" y="131867"/>
                  </a:cubicBezTo>
                  <a:lnTo>
                    <a:pt x="1711896" y="4155054"/>
                  </a:lnTo>
                  <a:cubicBezTo>
                    <a:pt x="1711896" y="4227882"/>
                    <a:pt x="1652858" y="4286920"/>
                    <a:pt x="1580030" y="4286920"/>
                  </a:cubicBezTo>
                  <a:lnTo>
                    <a:pt x="131867" y="4286920"/>
                  </a:lnTo>
                  <a:cubicBezTo>
                    <a:pt x="59039" y="4286920"/>
                    <a:pt x="0" y="4227882"/>
                    <a:pt x="0" y="4155054"/>
                  </a:cubicBezTo>
                  <a:lnTo>
                    <a:pt x="0" y="131867"/>
                  </a:lnTo>
                  <a:cubicBezTo>
                    <a:pt x="0" y="59039"/>
                    <a:pt x="59039" y="0"/>
                    <a:pt x="131867" y="0"/>
                  </a:cubicBezTo>
                  <a:close/>
                </a:path>
              </a:pathLst>
            </a:custGeom>
            <a:solidFill>
              <a:srgbClr val="FFFFFF"/>
            </a:solidFill>
            <a:ln cap="flat" w="7174">
              <a:noFill/>
              <a:prstDash val="solid"/>
              <a:miter/>
            </a:ln>
          </p:spPr>
          <p:txBody>
            <a:bodyPr anchor="ctr" rtlCol="0"/>
            <a:lstStyle/>
            <a:p>
              <a:endParaRPr lang="es-ES"/>
            </a:p>
          </p:txBody>
        </p:sp>
        <p:grpSp>
          <p:nvGrpSpPr>
            <p:cNvPr id="67" name="!!org1">
              <a:extLst>
                <a:ext uri="{FF2B5EF4-FFF2-40B4-BE49-F238E27FC236}">
                  <a16:creationId xmlns:a16="http://schemas.microsoft.com/office/drawing/2014/main" id="{2E7FAE19-1389-758B-4625-C1832746959B}"/>
                </a:ext>
              </a:extLst>
            </p:cNvPr>
            <p:cNvGrpSpPr/>
            <p:nvPr/>
          </p:nvGrpSpPr>
          <p:grpSpPr>
            <a:xfrm>
              <a:off x="8622729" y="3346296"/>
              <a:ext cx="939768" cy="500993"/>
              <a:chOff x="7485269" y="3333178"/>
              <a:chExt cx="1034675" cy="551588"/>
            </a:xfrm>
          </p:grpSpPr>
          <p:grpSp>
            <p:nvGrpSpPr>
              <p:cNvPr id="68" name="Graphic 9">
                <a:extLst>
                  <a:ext uri="{FF2B5EF4-FFF2-40B4-BE49-F238E27FC236}">
                    <a16:creationId xmlns:a16="http://schemas.microsoft.com/office/drawing/2014/main" id="{C2F525F9-CFEB-FA1F-A024-E4700247120D}"/>
                  </a:ext>
                </a:extLst>
              </p:cNvPr>
              <p:cNvGrpSpPr/>
              <p:nvPr/>
            </p:nvGrpSpPr>
            <p:grpSpPr>
              <a:xfrm>
                <a:off x="7485269" y="3333178"/>
                <a:ext cx="1034675" cy="551588"/>
                <a:chOff x="7485269" y="3333178"/>
                <a:chExt cx="1034675" cy="551588"/>
              </a:xfrm>
            </p:grpSpPr>
            <p:sp>
              <p:nvSpPr>
                <p:cNvPr id="74" name="Freeform: Shape 73">
                  <a:extLst>
                    <a:ext uri="{FF2B5EF4-FFF2-40B4-BE49-F238E27FC236}">
                      <a16:creationId xmlns:a16="http://schemas.microsoft.com/office/drawing/2014/main" id="{FF64029D-88FF-9FF1-FBFD-FD10A7C5C92F}"/>
                    </a:ext>
                  </a:extLst>
                </p:cNvPr>
                <p:cNvSpPr/>
                <p:nvPr/>
              </p:nvSpPr>
              <p:spPr>
                <a:xfrm>
                  <a:off x="8198749" y="35239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rgbClr val="2196F3"/>
                </a:solidFill>
                <a:ln cap="flat" w="1309">
                  <a:noFill/>
                  <a:prstDash val="solid"/>
                  <a:miter/>
                </a:ln>
              </p:spPr>
              <p:txBody>
                <a:bodyPr anchor="ctr" rtlCol="0"/>
                <a:lstStyle/>
                <a:p>
                  <a:endParaRPr lang="es-ES"/>
                </a:p>
              </p:txBody>
            </p:sp>
            <p:sp>
              <p:nvSpPr>
                <p:cNvPr id="75" name="Freeform: Shape 74">
                  <a:extLst>
                    <a:ext uri="{FF2B5EF4-FFF2-40B4-BE49-F238E27FC236}">
                      <a16:creationId xmlns:a16="http://schemas.microsoft.com/office/drawing/2014/main" id="{7C1B19ED-12F3-D859-CCA4-97DC979CE813}"/>
                    </a:ext>
                  </a:extLst>
                </p:cNvPr>
                <p:cNvSpPr/>
                <p:nvPr/>
              </p:nvSpPr>
              <p:spPr>
                <a:xfrm>
                  <a:off x="8200879" y="35722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76" name="Freeform: Shape 75">
                  <a:extLst>
                    <a:ext uri="{FF2B5EF4-FFF2-40B4-BE49-F238E27FC236}">
                      <a16:creationId xmlns:a16="http://schemas.microsoft.com/office/drawing/2014/main" id="{0F0D5EBC-FF4E-03A1-73D4-196B5FE894B8}"/>
                    </a:ext>
                  </a:extLst>
                </p:cNvPr>
                <p:cNvSpPr/>
                <p:nvPr/>
              </p:nvSpPr>
              <p:spPr>
                <a:xfrm>
                  <a:off x="7485269" y="33331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2"/>
                </a:solidFill>
                <a:ln cap="flat" w="1309">
                  <a:noFill/>
                  <a:prstDash val="solid"/>
                  <a:miter/>
                </a:ln>
              </p:spPr>
              <p:txBody>
                <a:bodyPr anchor="ctr" rtlCol="0"/>
                <a:lstStyle/>
                <a:p>
                  <a:endParaRPr lang="es-ES"/>
                </a:p>
              </p:txBody>
            </p:sp>
          </p:grpSp>
          <p:grpSp>
            <p:nvGrpSpPr>
              <p:cNvPr id="69" name="Graphic 9">
                <a:extLst>
                  <a:ext uri="{FF2B5EF4-FFF2-40B4-BE49-F238E27FC236}">
                    <a16:creationId xmlns:a16="http://schemas.microsoft.com/office/drawing/2014/main" id="{2E7DF011-3C56-0A8D-038C-2B1302AB165E}"/>
                  </a:ext>
                </a:extLst>
              </p:cNvPr>
              <p:cNvGrpSpPr/>
              <p:nvPr/>
            </p:nvGrpSpPr>
            <p:grpSpPr>
              <a:xfrm>
                <a:off x="7691729" y="3447623"/>
                <a:ext cx="322697" cy="322697"/>
                <a:chOff x="7691729" y="3447623"/>
                <a:chExt cx="322697" cy="322697"/>
              </a:xfrm>
            </p:grpSpPr>
            <p:sp>
              <p:nvSpPr>
                <p:cNvPr id="70" name="Freeform: Shape 69">
                  <a:extLst>
                    <a:ext uri="{FF2B5EF4-FFF2-40B4-BE49-F238E27FC236}">
                      <a16:creationId xmlns:a16="http://schemas.microsoft.com/office/drawing/2014/main" id="{0BAE2C61-F2E5-A382-471A-52FAB7DAA6AC}"/>
                    </a:ext>
                  </a:extLst>
                </p:cNvPr>
                <p:cNvSpPr/>
                <p:nvPr/>
              </p:nvSpPr>
              <p:spPr>
                <a:xfrm>
                  <a:off x="7691729" y="34476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71" name="Freeform: Shape 70">
                  <a:extLst>
                    <a:ext uri="{FF2B5EF4-FFF2-40B4-BE49-F238E27FC236}">
                      <a16:creationId xmlns:a16="http://schemas.microsoft.com/office/drawing/2014/main" id="{3AD377DA-7060-ADBE-B513-40A1671F9C1D}"/>
                    </a:ext>
                  </a:extLst>
                </p:cNvPr>
                <p:cNvSpPr/>
                <p:nvPr/>
              </p:nvSpPr>
              <p:spPr>
                <a:xfrm>
                  <a:off x="7831345" y="35581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72" name="Freeform: Shape 71">
                  <a:extLst>
                    <a:ext uri="{FF2B5EF4-FFF2-40B4-BE49-F238E27FC236}">
                      <a16:creationId xmlns:a16="http://schemas.microsoft.com/office/drawing/2014/main" id="{99700148-B516-144A-EF27-0B5C7485AB56}"/>
                    </a:ext>
                  </a:extLst>
                </p:cNvPr>
                <p:cNvSpPr/>
                <p:nvPr/>
              </p:nvSpPr>
              <p:spPr>
                <a:xfrm>
                  <a:off x="7852419" y="35095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73" name="Freeform: Shape 72">
                  <a:extLst>
                    <a:ext uri="{FF2B5EF4-FFF2-40B4-BE49-F238E27FC236}">
                      <a16:creationId xmlns:a16="http://schemas.microsoft.com/office/drawing/2014/main" id="{3086FF6B-30FB-87DF-FC2B-A67BE99EAA40}"/>
                    </a:ext>
                  </a:extLst>
                </p:cNvPr>
                <p:cNvSpPr/>
                <p:nvPr/>
              </p:nvSpPr>
              <p:spPr>
                <a:xfrm>
                  <a:off x="7831345" y="37073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grpSp>
          <p:nvGrpSpPr>
            <p:cNvPr id="77" name="!!cel2">
              <a:extLst>
                <a:ext uri="{FF2B5EF4-FFF2-40B4-BE49-F238E27FC236}">
                  <a16:creationId xmlns:a16="http://schemas.microsoft.com/office/drawing/2014/main" id="{44AEDAEF-3B5F-1389-F7D3-48EEB06041B6}"/>
                </a:ext>
              </a:extLst>
            </p:cNvPr>
            <p:cNvGrpSpPr/>
            <p:nvPr/>
          </p:nvGrpSpPr>
          <p:grpSpPr>
            <a:xfrm>
              <a:off x="8622729" y="4096953"/>
              <a:ext cx="939769" cy="500993"/>
              <a:chOff x="7485269" y="3980878"/>
              <a:chExt cx="1034675" cy="551588"/>
            </a:xfrm>
          </p:grpSpPr>
          <p:grpSp>
            <p:nvGrpSpPr>
              <p:cNvPr id="78" name="Graphic 10">
                <a:extLst>
                  <a:ext uri="{FF2B5EF4-FFF2-40B4-BE49-F238E27FC236}">
                    <a16:creationId xmlns:a16="http://schemas.microsoft.com/office/drawing/2014/main" id="{C45E7683-54D5-3721-0D95-C64E4E7D28F5}"/>
                  </a:ext>
                </a:extLst>
              </p:cNvPr>
              <p:cNvGrpSpPr/>
              <p:nvPr/>
            </p:nvGrpSpPr>
            <p:grpSpPr>
              <a:xfrm>
                <a:off x="7485269" y="3980878"/>
                <a:ext cx="1034675" cy="551588"/>
                <a:chOff x="7485269" y="3980878"/>
                <a:chExt cx="1034675" cy="551588"/>
              </a:xfrm>
            </p:grpSpPr>
            <p:sp>
              <p:nvSpPr>
                <p:cNvPr id="84" name="Freeform: Shape 83">
                  <a:extLst>
                    <a:ext uri="{FF2B5EF4-FFF2-40B4-BE49-F238E27FC236}">
                      <a16:creationId xmlns:a16="http://schemas.microsoft.com/office/drawing/2014/main" id="{FE3B8AC9-5EE1-5B32-A0FD-13F1806C7D65}"/>
                    </a:ext>
                  </a:extLst>
                </p:cNvPr>
                <p:cNvSpPr/>
                <p:nvPr/>
              </p:nvSpPr>
              <p:spPr>
                <a:xfrm>
                  <a:off x="8198749" y="4171615"/>
                  <a:ext cx="163317" cy="163317"/>
                </a:xfrm>
                <a:custGeom>
                  <a:avLst/>
                  <a:gdLst>
                    <a:gd fmla="*/ 23916 w 163317" name="connsiteX0"/>
                    <a:gd fmla="*/ 23916 h 163317" name="connsiteY0"/>
                    <a:gd fmla="*/ 23916 w 163317" name="connsiteX1"/>
                    <a:gd fmla="*/ 139402 h 163317" name="connsiteY1"/>
                    <a:gd fmla="*/ 139402 w 163317" name="connsiteX2"/>
                    <a:gd fmla="*/ 139402 h 163317" name="connsiteY2"/>
                    <a:gd fmla="*/ 139402 w 163317" name="connsiteX3"/>
                    <a:gd fmla="*/ 23916 h 163317" name="connsiteY3"/>
                    <a:gd fmla="*/ 23916 w 163317" name="connsiteX4"/>
                    <a:gd fmla="*/ 23916 h 163317" name="connsiteY4"/>
                    <a:gd fmla="*/ 56383 w 163317" name="connsiteX5"/>
                    <a:gd fmla="*/ 106671 h 163317" name="connsiteY5"/>
                    <a:gd fmla="*/ 56383 w 163317" name="connsiteX6"/>
                    <a:gd fmla="*/ 56791 h 163317" name="connsiteY6"/>
                    <a:gd fmla="*/ 106263 w 163317" name="connsiteX7"/>
                    <a:gd fmla="*/ 56791 h 163317" name="connsiteY7"/>
                    <a:gd fmla="*/ 106263 w 163317" name="connsiteX8"/>
                    <a:gd fmla="*/ 106671 h 163317" name="connsiteY8"/>
                    <a:gd fmla="*/ 56383 w 163317" name="connsiteX9"/>
                    <a:gd fmla="*/ 106671 h 163317" name="connsiteY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b="b" l="l" r="r" t="t"/>
                  <a:pathLst>
                    <a:path h="163317" w="163317">
                      <a:moveTo>
                        <a:pt x="23916" y="23916"/>
                      </a:moveTo>
                      <a:cubicBezTo>
                        <a:pt x="-7972" y="55804"/>
                        <a:pt x="-7972" y="107514"/>
                        <a:pt x="23916" y="139402"/>
                      </a:cubicBezTo>
                      <a:cubicBezTo>
                        <a:pt x="55804" y="171290"/>
                        <a:pt x="107514" y="171290"/>
                        <a:pt x="139402" y="139402"/>
                      </a:cubicBezTo>
                      <a:cubicBezTo>
                        <a:pt x="171290" y="107514"/>
                        <a:pt x="171290" y="55804"/>
                        <a:pt x="139402" y="23916"/>
                      </a:cubicBezTo>
                      <a:cubicBezTo>
                        <a:pt x="107514" y="-7972"/>
                        <a:pt x="55804" y="-7972"/>
                        <a:pt x="23916" y="23916"/>
                      </a:cubicBezTo>
                      <a:close/>
                      <a:moveTo>
                        <a:pt x="56383" y="106671"/>
                      </a:moveTo>
                      <a:cubicBezTo>
                        <a:pt x="42606" y="92894"/>
                        <a:pt x="42606" y="70569"/>
                        <a:pt x="56383" y="56791"/>
                      </a:cubicBezTo>
                      <a:cubicBezTo>
                        <a:pt x="70160" y="43014"/>
                        <a:pt x="92486" y="43014"/>
                        <a:pt x="106263" y="56791"/>
                      </a:cubicBezTo>
                      <a:cubicBezTo>
                        <a:pt x="120040" y="70569"/>
                        <a:pt x="120040" y="92894"/>
                        <a:pt x="106263" y="106671"/>
                      </a:cubicBezTo>
                      <a:cubicBezTo>
                        <a:pt x="92486" y="120448"/>
                        <a:pt x="70160" y="120448"/>
                        <a:pt x="56383" y="106671"/>
                      </a:cubicBezTo>
                      <a:close/>
                    </a:path>
                  </a:pathLst>
                </a:custGeom>
                <a:solidFill>
                  <a:schemeClr val="tx2"/>
                </a:solidFill>
                <a:ln cap="flat" w="1309">
                  <a:noFill/>
                  <a:prstDash val="solid"/>
                  <a:miter/>
                </a:ln>
              </p:spPr>
              <p:txBody>
                <a:bodyPr anchor="ctr" rtlCol="0"/>
                <a:lstStyle/>
                <a:p>
                  <a:endParaRPr lang="es-ES"/>
                </a:p>
              </p:txBody>
            </p:sp>
            <p:sp>
              <p:nvSpPr>
                <p:cNvPr id="85" name="Freeform: Shape 84">
                  <a:extLst>
                    <a:ext uri="{FF2B5EF4-FFF2-40B4-BE49-F238E27FC236}">
                      <a16:creationId xmlns:a16="http://schemas.microsoft.com/office/drawing/2014/main" id="{0C292ACD-E512-1E81-2BF0-F7A9DA0160EE}"/>
                    </a:ext>
                  </a:extLst>
                </p:cNvPr>
                <p:cNvSpPr/>
                <p:nvPr/>
              </p:nvSpPr>
              <p:spPr>
                <a:xfrm>
                  <a:off x="8200879" y="4219937"/>
                  <a:ext cx="6506" cy="23813"/>
                </a:xfrm>
                <a:custGeom>
                  <a:avLst/>
                  <a:gdLst>
                    <a:gd fmla="*/ 0 w 6506" name="connsiteX0"/>
                    <a:gd fmla="*/ 23814 h 23813" name="connsiteY0"/>
                    <a:gd fmla="*/ 6507 w 6506" name="connsiteX1"/>
                    <a:gd fmla="*/ 0 h 23813" name="connsiteY1"/>
                    <a:gd fmla="*/ 0 w 6506" name="connsiteX2"/>
                    <a:gd fmla="*/ 23814 h 23813" name="connsiteY2"/>
                    <a:gd fmla="*/ 0 w 6506" name="connsiteX3"/>
                    <a:gd fmla="*/ 23814 h 23813" name="connsiteY3"/>
                  </a:gdLst>
                  <a:ahLst/>
                  <a:cxnLst>
                    <a:cxn ang="0">
                      <a:pos x="connsiteX0" y="connsiteY0"/>
                    </a:cxn>
                    <a:cxn ang="0">
                      <a:pos x="connsiteX1" y="connsiteY1"/>
                    </a:cxn>
                    <a:cxn ang="0">
                      <a:pos x="connsiteX2" y="connsiteY2"/>
                    </a:cxn>
                    <a:cxn ang="0">
                      <a:pos x="connsiteX3" y="connsiteY3"/>
                    </a:cxn>
                  </a:cxnLst>
                  <a:rect b="b" l="l" r="r" t="t"/>
                  <a:pathLst>
                    <a:path h="23813" w="6506">
                      <a:moveTo>
                        <a:pt x="0" y="23814"/>
                      </a:moveTo>
                      <a:cubicBezTo>
                        <a:pt x="922" y="15661"/>
                        <a:pt x="3095" y="7613"/>
                        <a:pt x="6507" y="0"/>
                      </a:cubicBezTo>
                      <a:cubicBezTo>
                        <a:pt x="3095" y="7613"/>
                        <a:pt x="922" y="15661"/>
                        <a:pt x="0" y="23814"/>
                      </a:cubicBezTo>
                      <a:lnTo>
                        <a:pt x="0" y="23814"/>
                      </a:lnTo>
                      <a:close/>
                    </a:path>
                  </a:pathLst>
                </a:custGeom>
                <a:noFill/>
                <a:ln cap="flat" w="1309">
                  <a:noFill/>
                  <a:prstDash val="solid"/>
                  <a:miter/>
                </a:ln>
              </p:spPr>
              <p:txBody>
                <a:bodyPr anchor="ctr" rtlCol="0"/>
                <a:lstStyle/>
                <a:p>
                  <a:endParaRPr lang="es-ES"/>
                </a:p>
              </p:txBody>
            </p:sp>
            <p:sp>
              <p:nvSpPr>
                <p:cNvPr id="86" name="Freeform: Shape 85">
                  <a:extLst>
                    <a:ext uri="{FF2B5EF4-FFF2-40B4-BE49-F238E27FC236}">
                      <a16:creationId xmlns:a16="http://schemas.microsoft.com/office/drawing/2014/main" id="{744AA0F9-AE81-50AD-1371-D50AE82F861B}"/>
                    </a:ext>
                  </a:extLst>
                </p:cNvPr>
                <p:cNvSpPr/>
                <p:nvPr/>
              </p:nvSpPr>
              <p:spPr>
                <a:xfrm>
                  <a:off x="7485269" y="3980878"/>
                  <a:ext cx="1034675" cy="551588"/>
                </a:xfrm>
                <a:custGeom>
                  <a:avLst/>
                  <a:gdLst>
                    <a:gd fmla="*/ 0 w 1034675" name="connsiteX0"/>
                    <a:gd fmla="*/ 40107 h 551588" name="connsiteY0"/>
                    <a:gd fmla="*/ 0 w 1034675" name="connsiteX1"/>
                    <a:gd fmla="*/ 508610 h 551588" name="connsiteY1"/>
                    <a:gd fmla="*/ 40093 w 1034675" name="connsiteX2"/>
                    <a:gd fmla="*/ 548704 h 551588" name="connsiteY2"/>
                    <a:gd fmla="*/ 62603 w 1034675" name="connsiteX3"/>
                    <a:gd fmla="*/ 548796 h 551588" name="connsiteY3"/>
                    <a:gd fmla="*/ 548704 w 1034675" name="connsiteX4"/>
                    <a:gd fmla="*/ 550758 h 551588" name="connsiteY4"/>
                    <a:gd fmla="*/ 578471 w 1034675" name="connsiteX5"/>
                    <a:gd fmla="*/ 550877 h 551588" name="connsiteY5"/>
                    <a:gd fmla="*/ 752925 w 1034675" name="connsiteX6"/>
                    <a:gd fmla="*/ 551588 h 551588" name="connsiteY6"/>
                    <a:gd fmla="*/ 757232 w 1034675" name="connsiteX7"/>
                    <a:gd fmla="*/ 551351 h 551588" name="connsiteY7"/>
                    <a:gd fmla="*/ 761460 w 1034675" name="connsiteX8"/>
                    <a:gd fmla="*/ 550666 h 551588" name="connsiteY8"/>
                    <a:gd fmla="*/ 769521 w 1034675" name="connsiteX9"/>
                    <a:gd fmla="*/ 547992 h 551588" name="connsiteY9"/>
                    <a:gd fmla="*/ 775092 w 1034675" name="connsiteX10"/>
                    <a:gd fmla="*/ 544897 h 551588" name="connsiteY10"/>
                    <a:gd fmla="*/ 780137 w 1034675" name="connsiteX11"/>
                    <a:gd fmla="*/ 540933 h 551588" name="connsiteY11"/>
                    <a:gd fmla="*/ 781678 w 1034675" name="connsiteX12"/>
                    <a:gd fmla="*/ 539431 h 551588" name="connsiteY12"/>
                    <a:gd fmla="*/ 783140 w 1034675" name="connsiteX13"/>
                    <a:gd fmla="*/ 537837 h 551588" name="connsiteY13"/>
                    <a:gd fmla="*/ 783140 w 1034675" name="connsiteX14"/>
                    <a:gd fmla="*/ 537837 h 551588" name="connsiteY14"/>
                    <a:gd fmla="*/ 881964 w 1034675" name="connsiteX15"/>
                    <a:gd fmla="*/ 442741 h 551588" name="connsiteY15"/>
                    <a:gd fmla="*/ 904303 w 1034675" name="connsiteX16"/>
                    <a:gd fmla="*/ 421245 h 551588" name="connsiteY16"/>
                    <a:gd fmla="*/ 996805 w 1034675" name="connsiteX17"/>
                    <a:gd fmla="*/ 332233 h 551588" name="connsiteY17"/>
                    <a:gd fmla="*/ 1024794 w 1034675" name="connsiteX18"/>
                    <a:gd fmla="*/ 305298 h 551588" name="connsiteY18"/>
                    <a:gd fmla="*/ 1025610 w 1034675" name="connsiteX19"/>
                    <a:gd fmla="*/ 253548 h 551588" name="connsiteY19"/>
                    <a:gd fmla="*/ 788883 w 1034675" name="connsiteX20"/>
                    <a:gd fmla="*/ 17584 h 551588" name="connsiteY20"/>
                    <a:gd fmla="*/ 757851 w 1034675" name="connsiteX21"/>
                    <a:gd fmla="*/ 2871 h 551588" name="connsiteY21"/>
                    <a:gd fmla="*/ 64526 w 1034675" name="connsiteX22"/>
                    <a:gd fmla="*/ 92 h 551588" name="connsiteY22"/>
                    <a:gd fmla="*/ 40107 w 1034675" name="connsiteX23"/>
                    <a:gd fmla="*/ 0 h 551588" name="connsiteY23"/>
                    <a:gd fmla="*/ 0 w 1034675" name="connsiteX24"/>
                    <a:gd fmla="*/ 40107 h 551588" name="connsiteY24"/>
                    <a:gd fmla="*/ 737396 w 1034675" name="connsiteX25"/>
                    <a:gd fmla="*/ 330139 h 551588" name="connsiteY25"/>
                    <a:gd fmla="*/ 737396 w 1034675" name="connsiteX26"/>
                    <a:gd fmla="*/ 214653 h 551588" name="connsiteY26"/>
                    <a:gd fmla="*/ 852882 w 1034675" name="connsiteX27"/>
                    <a:gd fmla="*/ 214653 h 551588" name="connsiteY27"/>
                    <a:gd fmla="*/ 852882 w 1034675" name="connsiteX28"/>
                    <a:gd fmla="*/ 330139 h 551588" name="connsiteY28"/>
                    <a:gd fmla="*/ 737396 w 1034675" name="connsiteX29"/>
                    <a:gd fmla="*/ 330139 h 551588" name="connsiteY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Lst>
                  <a:rect b="b" l="l" r="r" t="t"/>
                  <a:pathLst>
                    <a:path h="551588" w="1034675">
                      <a:moveTo>
                        <a:pt x="0" y="40107"/>
                      </a:moveTo>
                      <a:lnTo>
                        <a:pt x="0" y="508610"/>
                      </a:lnTo>
                      <a:cubicBezTo>
                        <a:pt x="0" y="530751"/>
                        <a:pt x="17952" y="548717"/>
                        <a:pt x="40093" y="548704"/>
                      </a:cubicBezTo>
                      <a:lnTo>
                        <a:pt x="62603" y="548796"/>
                      </a:lnTo>
                      <a:lnTo>
                        <a:pt x="548704" y="550758"/>
                      </a:lnTo>
                      <a:lnTo>
                        <a:pt x="578471" y="550877"/>
                      </a:lnTo>
                      <a:lnTo>
                        <a:pt x="752925" y="551588"/>
                      </a:lnTo>
                      <a:cubicBezTo>
                        <a:pt x="754374" y="551588"/>
                        <a:pt x="755809" y="551509"/>
                        <a:pt x="757232" y="551351"/>
                      </a:cubicBezTo>
                      <a:cubicBezTo>
                        <a:pt x="758654" y="551193"/>
                        <a:pt x="760064" y="550969"/>
                        <a:pt x="761460" y="550666"/>
                      </a:cubicBezTo>
                      <a:cubicBezTo>
                        <a:pt x="764239" y="550060"/>
                        <a:pt x="766939" y="549165"/>
                        <a:pt x="769521" y="547992"/>
                      </a:cubicBezTo>
                      <a:cubicBezTo>
                        <a:pt x="771457" y="547110"/>
                        <a:pt x="773314" y="546083"/>
                        <a:pt x="775092" y="544897"/>
                      </a:cubicBezTo>
                      <a:cubicBezTo>
                        <a:pt x="776870" y="543712"/>
                        <a:pt x="778556" y="542395"/>
                        <a:pt x="780137" y="540933"/>
                      </a:cubicBezTo>
                      <a:cubicBezTo>
                        <a:pt x="780664" y="540445"/>
                        <a:pt x="781177" y="539945"/>
                        <a:pt x="781678" y="539431"/>
                      </a:cubicBezTo>
                      <a:cubicBezTo>
                        <a:pt x="782178" y="538917"/>
                        <a:pt x="782666" y="538391"/>
                        <a:pt x="783140" y="537837"/>
                      </a:cubicBezTo>
                      <a:lnTo>
                        <a:pt x="783140" y="537837"/>
                      </a:lnTo>
                      <a:lnTo>
                        <a:pt x="881964" y="442741"/>
                      </a:lnTo>
                      <a:lnTo>
                        <a:pt x="904303" y="421245"/>
                      </a:lnTo>
                      <a:lnTo>
                        <a:pt x="996805" y="332233"/>
                      </a:lnTo>
                      <a:lnTo>
                        <a:pt x="1024794" y="305298"/>
                      </a:lnTo>
                      <a:cubicBezTo>
                        <a:pt x="1037649" y="290559"/>
                        <a:pt x="1038005" y="268682"/>
                        <a:pt x="1025610" y="253548"/>
                      </a:cubicBezTo>
                      <a:lnTo>
                        <a:pt x="788883" y="17584"/>
                      </a:lnTo>
                      <a:cubicBezTo>
                        <a:pt x="781269" y="8272"/>
                        <a:pt x="769876" y="2871"/>
                        <a:pt x="757851" y="2871"/>
                      </a:cubicBezTo>
                      <a:lnTo>
                        <a:pt x="64526" y="92"/>
                      </a:lnTo>
                      <a:lnTo>
                        <a:pt x="40107" y="0"/>
                      </a:lnTo>
                      <a:cubicBezTo>
                        <a:pt x="17952" y="0"/>
                        <a:pt x="0" y="17953"/>
                        <a:pt x="0" y="40107"/>
                      </a:cubicBezTo>
                      <a:close/>
                      <a:moveTo>
                        <a:pt x="737396" y="330139"/>
                      </a:moveTo>
                      <a:cubicBezTo>
                        <a:pt x="705508" y="298251"/>
                        <a:pt x="705508" y="246541"/>
                        <a:pt x="737396" y="214653"/>
                      </a:cubicBezTo>
                      <a:cubicBezTo>
                        <a:pt x="769284" y="182765"/>
                        <a:pt x="820994" y="182765"/>
                        <a:pt x="852882" y="214653"/>
                      </a:cubicBezTo>
                      <a:cubicBezTo>
                        <a:pt x="884770" y="246541"/>
                        <a:pt x="884770" y="298251"/>
                        <a:pt x="852882" y="330139"/>
                      </a:cubicBezTo>
                      <a:cubicBezTo>
                        <a:pt x="820994" y="362027"/>
                        <a:pt x="769284" y="362027"/>
                        <a:pt x="737396" y="330139"/>
                      </a:cubicBezTo>
                      <a:close/>
                    </a:path>
                  </a:pathLst>
                </a:custGeom>
                <a:solidFill>
                  <a:schemeClr val="accent1"/>
                </a:solidFill>
                <a:ln cap="flat" w="1309">
                  <a:noFill/>
                  <a:prstDash val="solid"/>
                  <a:miter/>
                </a:ln>
              </p:spPr>
              <p:txBody>
                <a:bodyPr anchor="ctr" rtlCol="0"/>
                <a:lstStyle/>
                <a:p>
                  <a:endParaRPr lang="es-ES"/>
                </a:p>
              </p:txBody>
            </p:sp>
          </p:grpSp>
          <p:grpSp>
            <p:nvGrpSpPr>
              <p:cNvPr id="79" name="Graphic 10">
                <a:extLst>
                  <a:ext uri="{FF2B5EF4-FFF2-40B4-BE49-F238E27FC236}">
                    <a16:creationId xmlns:a16="http://schemas.microsoft.com/office/drawing/2014/main" id="{AD02E386-C3EF-CE31-3632-4FF4B0B95612}"/>
                  </a:ext>
                </a:extLst>
              </p:cNvPr>
              <p:cNvGrpSpPr/>
              <p:nvPr/>
            </p:nvGrpSpPr>
            <p:grpSpPr>
              <a:xfrm>
                <a:off x="7691729" y="4095323"/>
                <a:ext cx="322697" cy="322697"/>
                <a:chOff x="7691729" y="4095323"/>
                <a:chExt cx="322697" cy="322697"/>
              </a:xfrm>
            </p:grpSpPr>
            <p:sp>
              <p:nvSpPr>
                <p:cNvPr id="80" name="Freeform: Shape 79">
                  <a:extLst>
                    <a:ext uri="{FF2B5EF4-FFF2-40B4-BE49-F238E27FC236}">
                      <a16:creationId xmlns:a16="http://schemas.microsoft.com/office/drawing/2014/main" id="{6018A6EB-D659-1714-6141-7ADDEBFFF3E9}"/>
                    </a:ext>
                  </a:extLst>
                </p:cNvPr>
                <p:cNvSpPr/>
                <p:nvPr/>
              </p:nvSpPr>
              <p:spPr>
                <a:xfrm>
                  <a:off x="7691729" y="4095323"/>
                  <a:ext cx="322697" cy="322697"/>
                </a:xfrm>
                <a:custGeom>
                  <a:avLst/>
                  <a:gdLst>
                    <a:gd fmla="*/ 322697 w 322697" name="connsiteX0"/>
                    <a:gd fmla="*/ 161349 h 322697" name="connsiteY0"/>
                    <a:gd fmla="*/ 161349 w 322697" name="connsiteX1"/>
                    <a:gd fmla="*/ 322697 h 322697" name="connsiteY1"/>
                    <a:gd fmla="*/ 0 w 322697" name="connsiteX2"/>
                    <a:gd fmla="*/ 161349 h 322697" name="connsiteY2"/>
                    <a:gd fmla="*/ 161349 w 322697" name="connsiteX3"/>
                    <a:gd fmla="*/ 0 h 322697" name="connsiteY3"/>
                    <a:gd fmla="*/ 322697 w 322697" name="connsiteX4"/>
                    <a:gd fmla="*/ 161349 h 32269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22697" w="322697">
                      <a:moveTo>
                        <a:pt x="322697" y="161349"/>
                      </a:moveTo>
                      <a:cubicBezTo>
                        <a:pt x="322697" y="250453"/>
                        <a:pt x="250452" y="322697"/>
                        <a:pt x="161349" y="322697"/>
                      </a:cubicBezTo>
                      <a:cubicBezTo>
                        <a:pt x="72245" y="322697"/>
                        <a:pt x="0" y="250453"/>
                        <a:pt x="0" y="161349"/>
                      </a:cubicBezTo>
                      <a:cubicBezTo>
                        <a:pt x="0" y="72245"/>
                        <a:pt x="72245" y="0"/>
                        <a:pt x="161349" y="0"/>
                      </a:cubicBezTo>
                      <a:cubicBezTo>
                        <a:pt x="250452" y="0"/>
                        <a:pt x="322697" y="72245"/>
                        <a:pt x="322697" y="161349"/>
                      </a:cubicBezTo>
                      <a:close/>
                    </a:path>
                  </a:pathLst>
                </a:custGeom>
                <a:solidFill>
                  <a:srgbClr val="FFFFFF"/>
                </a:solidFill>
                <a:ln cap="rnd" w="31057">
                  <a:solidFill>
                    <a:srgbClr val="FFFFFF"/>
                  </a:solidFill>
                  <a:prstDash val="solid"/>
                  <a:miter/>
                </a:ln>
              </p:spPr>
              <p:txBody>
                <a:bodyPr anchor="ctr" rtlCol="0"/>
                <a:lstStyle/>
                <a:p>
                  <a:endParaRPr lang="es-ES"/>
                </a:p>
              </p:txBody>
            </p:sp>
            <p:sp>
              <p:nvSpPr>
                <p:cNvPr id="81" name="Freeform: Shape 80">
                  <a:extLst>
                    <a:ext uri="{FF2B5EF4-FFF2-40B4-BE49-F238E27FC236}">
                      <a16:creationId xmlns:a16="http://schemas.microsoft.com/office/drawing/2014/main" id="{D7365F70-E1D7-A6E6-DAF3-522972C5437B}"/>
                    </a:ext>
                  </a:extLst>
                </p:cNvPr>
                <p:cNvSpPr/>
                <p:nvPr/>
              </p:nvSpPr>
              <p:spPr>
                <a:xfrm>
                  <a:off x="7831345" y="4205817"/>
                  <a:ext cx="23076" cy="146346"/>
                </a:xfrm>
                <a:custGeom>
                  <a:avLst/>
                  <a:gdLst>
                    <a:gd fmla="*/ 0 w 23076" name="connsiteX0"/>
                    <a:gd fmla="*/ 0 h 146346" name="connsiteY0"/>
                    <a:gd fmla="*/ 23076 w 23076" name="connsiteX1"/>
                    <a:gd fmla="*/ 0 h 146346" name="connsiteY1"/>
                    <a:gd fmla="*/ 22404 w 23076" name="connsiteX2"/>
                    <a:gd fmla="*/ 146346 h 146346" name="connsiteY2"/>
                  </a:gdLst>
                  <a:ahLst/>
                  <a:cxnLst>
                    <a:cxn ang="0">
                      <a:pos x="connsiteX0" y="connsiteY0"/>
                    </a:cxn>
                    <a:cxn ang="0">
                      <a:pos x="connsiteX1" y="connsiteY1"/>
                    </a:cxn>
                    <a:cxn ang="0">
                      <a:pos x="connsiteX2" y="connsiteY2"/>
                    </a:cxn>
                  </a:cxnLst>
                  <a:rect b="b" l="l" r="r" t="t"/>
                  <a:pathLst>
                    <a:path h="146346" w="23076">
                      <a:moveTo>
                        <a:pt x="0" y="0"/>
                      </a:moveTo>
                      <a:lnTo>
                        <a:pt x="23076" y="0"/>
                      </a:lnTo>
                      <a:lnTo>
                        <a:pt x="22404" y="146346"/>
                      </a:lnTo>
                    </a:path>
                  </a:pathLst>
                </a:custGeom>
                <a:noFill/>
                <a:ln cap="rnd" w="31057">
                  <a:solidFill>
                    <a:srgbClr val="093371"/>
                  </a:solidFill>
                  <a:prstDash val="solid"/>
                  <a:miter/>
                </a:ln>
              </p:spPr>
              <p:txBody>
                <a:bodyPr anchor="ctr" rtlCol="0"/>
                <a:lstStyle/>
                <a:p>
                  <a:endParaRPr lang="es-ES"/>
                </a:p>
              </p:txBody>
            </p:sp>
            <p:sp>
              <p:nvSpPr>
                <p:cNvPr id="82" name="Freeform: Shape 81">
                  <a:extLst>
                    <a:ext uri="{FF2B5EF4-FFF2-40B4-BE49-F238E27FC236}">
                      <a16:creationId xmlns:a16="http://schemas.microsoft.com/office/drawing/2014/main" id="{F43343D8-AEAC-6F60-53D8-578D233A0D4D}"/>
                    </a:ext>
                  </a:extLst>
                </p:cNvPr>
                <p:cNvSpPr/>
                <p:nvPr/>
              </p:nvSpPr>
              <p:spPr>
                <a:xfrm>
                  <a:off x="7852419" y="4157228"/>
                  <a:ext cx="2634" cy="2634"/>
                </a:xfrm>
                <a:custGeom>
                  <a:avLst/>
                  <a:gdLst>
                    <a:gd fmla="*/ 2634 w 2634" name="connsiteX0"/>
                    <a:gd fmla="*/ 1317 h 2634" name="connsiteY0"/>
                    <a:gd fmla="*/ 1317 w 2634" name="connsiteX1"/>
                    <a:gd fmla="*/ 2634 h 2634" name="connsiteY1"/>
                    <a:gd fmla="*/ 0 w 2634" name="connsiteX2"/>
                    <a:gd fmla="*/ 1317 h 2634" name="connsiteY2"/>
                    <a:gd fmla="*/ 1317 w 2634" name="connsiteX3"/>
                    <a:gd fmla="*/ 0 h 2634" name="connsiteY3"/>
                    <a:gd fmla="*/ 2634 w 2634" name="connsiteX4"/>
                    <a:gd fmla="*/ 1317 h 263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634" w="2634">
                      <a:moveTo>
                        <a:pt x="2634" y="1317"/>
                      </a:moveTo>
                      <a:cubicBezTo>
                        <a:pt x="2634" y="2042"/>
                        <a:pt x="2042" y="2634"/>
                        <a:pt x="1317" y="2634"/>
                      </a:cubicBezTo>
                      <a:cubicBezTo>
                        <a:pt x="593" y="2634"/>
                        <a:pt x="0" y="2042"/>
                        <a:pt x="0" y="1317"/>
                      </a:cubicBezTo>
                      <a:cubicBezTo>
                        <a:pt x="0" y="593"/>
                        <a:pt x="593" y="0"/>
                        <a:pt x="1317" y="0"/>
                      </a:cubicBezTo>
                      <a:cubicBezTo>
                        <a:pt x="2042" y="0"/>
                        <a:pt x="2634" y="593"/>
                        <a:pt x="2634" y="1317"/>
                      </a:cubicBezTo>
                      <a:close/>
                    </a:path>
                  </a:pathLst>
                </a:custGeom>
                <a:noFill/>
                <a:ln cap="rnd" w="31057">
                  <a:solidFill>
                    <a:srgbClr val="093371"/>
                  </a:solidFill>
                  <a:prstDash val="solid"/>
                  <a:miter/>
                </a:ln>
              </p:spPr>
              <p:txBody>
                <a:bodyPr anchor="ctr" rtlCol="0"/>
                <a:lstStyle/>
                <a:p>
                  <a:endParaRPr lang="es-ES"/>
                </a:p>
              </p:txBody>
            </p:sp>
            <p:sp>
              <p:nvSpPr>
                <p:cNvPr id="83" name="Freeform: Shape 82">
                  <a:extLst>
                    <a:ext uri="{FF2B5EF4-FFF2-40B4-BE49-F238E27FC236}">
                      <a16:creationId xmlns:a16="http://schemas.microsoft.com/office/drawing/2014/main" id="{4B22CB7D-F9C8-F7A1-55DA-3FE46676E531}"/>
                    </a:ext>
                  </a:extLst>
                </p:cNvPr>
                <p:cNvSpPr/>
                <p:nvPr/>
              </p:nvSpPr>
              <p:spPr>
                <a:xfrm>
                  <a:off x="7831345" y="4355048"/>
                  <a:ext cx="44808" cy="1317"/>
                </a:xfrm>
                <a:custGeom>
                  <a:avLst/>
                  <a:gdLst>
                    <a:gd fmla="*/ 44809 w 44808" name="connsiteX0"/>
                    <a:gd fmla="*/ 0 h 1317" name="connsiteY0"/>
                    <a:gd fmla="*/ 0 w 44808" name="connsiteX1"/>
                    <a:gd fmla="*/ 0 h 1317" name="connsiteY1"/>
                  </a:gdLst>
                  <a:ahLst/>
                  <a:cxnLst>
                    <a:cxn ang="0">
                      <a:pos x="connsiteX0" y="connsiteY0"/>
                    </a:cxn>
                    <a:cxn ang="0">
                      <a:pos x="connsiteX1" y="connsiteY1"/>
                    </a:cxn>
                  </a:cxnLst>
                  <a:rect b="b" l="l" r="r" t="t"/>
                  <a:pathLst>
                    <a:path h="1317" w="44808">
                      <a:moveTo>
                        <a:pt x="44809" y="0"/>
                      </a:moveTo>
                      <a:lnTo>
                        <a:pt x="0" y="0"/>
                      </a:lnTo>
                    </a:path>
                  </a:pathLst>
                </a:custGeom>
                <a:ln cap="rnd" w="31057">
                  <a:solidFill>
                    <a:srgbClr val="093371"/>
                  </a:solidFill>
                  <a:prstDash val="solid"/>
                  <a:miter/>
                </a:ln>
              </p:spPr>
              <p:txBody>
                <a:bodyPr anchor="ctr" rtlCol="0"/>
                <a:lstStyle/>
                <a:p>
                  <a:endParaRPr lang="es-ES"/>
                </a:p>
              </p:txBody>
            </p:sp>
          </p:grpSp>
        </p:grpSp>
        <p:pic>
          <p:nvPicPr>
            <p:cNvPr id="87" name="!!bl1">
              <a:extLst>
                <a:ext uri="{FF2B5EF4-FFF2-40B4-BE49-F238E27FC236}">
                  <a16:creationId xmlns:a16="http://schemas.microsoft.com/office/drawing/2014/main" id="{26B279DB-AB31-9BFA-7AA2-1E4786401085}"/>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8622729" y="4847609"/>
              <a:ext cx="941979" cy="502149"/>
            </a:xfrm>
            <a:prstGeom prst="rect">
              <a:avLst/>
            </a:prstGeom>
          </p:spPr>
        </p:pic>
      </p:grpSp>
      <p:sp>
        <p:nvSpPr>
          <p:cNvPr id="88" name="TextBox 87">
            <a:extLst>
              <a:ext uri="{FF2B5EF4-FFF2-40B4-BE49-F238E27FC236}">
                <a16:creationId xmlns:a16="http://schemas.microsoft.com/office/drawing/2014/main" id="{89AEC246-5BB4-3F2F-A2EC-66227F28535E}"/>
              </a:ext>
            </a:extLst>
          </p:cNvPr>
          <p:cNvSpPr txBox="1"/>
          <p:nvPr/>
        </p:nvSpPr>
        <p:spPr>
          <a:xfrm>
            <a:off x="7142121" y="1811329"/>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ef4940635186ddcaf1402d07ab63dae">
            <a:r>
              <a:rPr lang="es-ES"/>
              <a:t>Ensemble de données</a:t>
            </a:r>
          </a:p>
        </p:txBody>
      </p:sp>
      <p:sp>
        <p:nvSpPr>
          <p:cNvPr id="89" name="TextBox 88">
            <a:extLst>
              <a:ext uri="{FF2B5EF4-FFF2-40B4-BE49-F238E27FC236}">
                <a16:creationId xmlns:a16="http://schemas.microsoft.com/office/drawing/2014/main" id="{24D7DD1F-EC53-FDDC-A6A1-53F11796B0E3}"/>
              </a:ext>
            </a:extLst>
          </p:cNvPr>
          <p:cNvSpPr txBox="1"/>
          <p:nvPr/>
        </p:nvSpPr>
        <p:spPr>
          <a:xfrm>
            <a:off x="2270191" y="3273574"/>
            <a:ext cx="3081502" cy="830997"/>
          </a:xfrm>
          <a:prstGeom prst="rect">
            <a:avLst/>
          </a:prstGeom>
          <a:solidFill>
            <a:schemeClr val="bg1"/>
          </a:solidFill>
        </p:spPr>
        <p:txBody>
          <a:bodyPr rtlCol="0" wrap="square">
            <a:spAutoFit/>
          </a:bodyPr>
          <a:lstStyle/>
          <a:p txid="1a6cfde3f5c05df7d3fde0ac729c9d66">
            <a:pPr algn="ctr" indent="-342900" marL="342900">
              <a:buClr>
                <a:srgbClr val="008CCF"/>
              </a:buClr>
              <a:buFont charset="-79" pitchFamily="2" typeface="Rubik"/>
              <a:buChar char="•"/>
            </a:pPr>
            <a:r>
              <a:rPr lang="es-ES" sz="2400"/>
              <a:t>Par défaut : privé</a:t>
            </a:r>
          </a:p>
          <a:p>
            <a:pPr algn="ctr">
              <a:buClr>
                <a:srgbClr val="008CCF"/>
              </a:buClr>
            </a:pPr>
            <a:endParaRPr dirty="0" lang="en-NO" sz="2400"/>
          </a:p>
        </p:txBody>
      </p:sp>
      <p:pic>
        <p:nvPicPr>
          <p:cNvPr id="90" name="Picture 2">
            <a:extLst>
              <a:ext uri="{FF2B5EF4-FFF2-40B4-BE49-F238E27FC236}">
                <a16:creationId xmlns:a16="http://schemas.microsoft.com/office/drawing/2014/main" id="{9C318ADE-7D8F-C95A-7909-6850E0AFD021}"/>
              </a:ext>
            </a:extLst>
          </p:cNvPr>
          <p:cNvPicPr>
            <a:picLocks noChangeArrowheads="1"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bwMode="auto">
          <a:xfrm>
            <a:off x="2877366" y="4328866"/>
            <a:ext cx="705998" cy="742914"/>
          </a:xfrm>
          <a:prstGeom prst="rect">
            <a:avLst/>
          </a:prstGeom>
          <a:noFill/>
          <a:extLst>
            <a:ext uri="{909E8E84-426E-40DD-AFC4-6F175D3DCCD1}">
              <a14:hiddenFill xmlns:a14="http://schemas.microsoft.com/office/drawing/2010/main">
                <a:solidFill>
                  <a:srgbClr val="FFFFFF"/>
                </a:solidFill>
              </a14:hiddenFill>
            </a:ext>
          </a:extLst>
        </p:spPr>
      </p:pic>
      <p:pic>
        <p:nvPicPr>
          <p:cNvPr id="91" name="Picture 2">
            <a:extLst>
              <a:ext uri="{FF2B5EF4-FFF2-40B4-BE49-F238E27FC236}">
                <a16:creationId xmlns:a16="http://schemas.microsoft.com/office/drawing/2014/main" id="{366E8403-B252-9C7E-00E1-7FDB1A2E0ED6}"/>
              </a:ext>
            </a:extLst>
          </p:cNvPr>
          <p:cNvPicPr>
            <a:picLocks noChangeArrowheads="1"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bwMode="auto">
          <a:xfrm>
            <a:off x="4232206" y="4302943"/>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33235705"/>
      </p:ext>
    </p:extLst>
  </p:cSld>
  <p:clrMapOvr>
    <a:masterClrMapping/>
  </p:clrMapOvr>
  <mc:AlternateContent xmlns:mc="http://schemas.openxmlformats.org/markup-compatibility/2006" xmlns:p159="http://schemas.microsoft.com/office/powerpoint/2015/09/main">
    <mc:Choice Requires="p159">
      <p:transition advTm="18724" spd="slow">
        <p159:morph option="byObject"/>
      </p:transition>
    </mc:Choice>
    <mc:Fallback xmlns="">
      <p:transition advTm="18724"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2">
                                  <p:stCondLst>
                                    <p:cond delay="0"/>
                                  </p:stCondLst>
                                  <p:childTnLst>
                                    <p:set>
                                      <p:cBhvr>
                                        <p:cTn dur="1" fill="hold" id="6">
                                          <p:stCondLst>
                                            <p:cond delay="0"/>
                                          </p:stCondLst>
                                        </p:cTn>
                                        <p:tgtEl>
                                          <p:spTgt spid="88"/>
                                        </p:tgtEl>
                                        <p:attrNameLst>
                                          <p:attrName>style.visibility</p:attrName>
                                        </p:attrNameLst>
                                      </p:cBhvr>
                                      <p:to>
                                        <p:strVal val="visible"/>
                                      </p:to>
                                    </p:set>
                                    <p:anim calcmode="lin" valueType="num">
                                      <p:cBhvr additive="base">
                                        <p:cTn dur="500" fill="hold" id="7"/>
                                        <p:tgtEl>
                                          <p:spTgt spid="88"/>
                                        </p:tgtEl>
                                        <p:attrNameLst>
                                          <p:attrName>ppt_x</p:attrName>
                                        </p:attrNameLst>
                                      </p:cBhvr>
                                      <p:tavLst>
                                        <p:tav tm="0">
                                          <p:val>
                                            <p:strVal val="1+#ppt_w/2"/>
                                          </p:val>
                                        </p:tav>
                                        <p:tav tm="100000">
                                          <p:val>
                                            <p:strVal val="#ppt_x"/>
                                          </p:val>
                                        </p:tav>
                                      </p:tavLst>
                                    </p:anim>
                                    <p:anim calcmode="lin" valueType="num">
                                      <p:cBhvr additive="base">
                                        <p:cTn dur="500" fill="hold" id="8"/>
                                        <p:tgtEl>
                                          <p:spTgt spid="88"/>
                                        </p:tgtEl>
                                        <p:attrNameLst>
                                          <p:attrName>ppt_y</p:attrName>
                                        </p:attrNameLst>
                                      </p:cBhvr>
                                      <p:tavLst>
                                        <p:tav tm="0">
                                          <p:val>
                                            <p:strVal val="#ppt_y"/>
                                          </p:val>
                                        </p:tav>
                                        <p:tav tm="100000">
                                          <p:val>
                                            <p:strVal val="#ppt_y"/>
                                          </p:val>
                                        </p:tav>
                                      </p:tavLst>
                                    </p:anim>
                                  </p:childTnLst>
                                </p:cTn>
                              </p:par>
                              <p:par>
                                <p:cTn fill="hold" id="9" nodeType="withEffect" presetClass="entr" presetID="2" presetSubtype="2">
                                  <p:stCondLst>
                                    <p:cond delay="0"/>
                                  </p:stCondLst>
                                  <p:childTnLst>
                                    <p:set>
                                      <p:cBhvr>
                                        <p:cTn dur="1" fill="hold" id="10">
                                          <p:stCondLst>
                                            <p:cond delay="0"/>
                                          </p:stCondLst>
                                        </p:cTn>
                                        <p:tgtEl>
                                          <p:spTgt spid="3"/>
                                        </p:tgtEl>
                                        <p:attrNameLst>
                                          <p:attrName>style.visibility</p:attrName>
                                        </p:attrNameLst>
                                      </p:cBhvr>
                                      <p:to>
                                        <p:strVal val="visible"/>
                                      </p:to>
                                    </p:set>
                                    <p:anim calcmode="lin" valueType="num">
                                      <p:cBhvr additive="base">
                                        <p:cTn dur="500" fill="hold" id="11"/>
                                        <p:tgtEl>
                                          <p:spTgt spid="3"/>
                                        </p:tgtEl>
                                        <p:attrNameLst>
                                          <p:attrName>ppt_x</p:attrName>
                                        </p:attrNameLst>
                                      </p:cBhvr>
                                      <p:tavLst>
                                        <p:tav tm="0">
                                          <p:val>
                                            <p:strVal val="1+#ppt_w/2"/>
                                          </p:val>
                                        </p:tav>
                                        <p:tav tm="100000">
                                          <p:val>
                                            <p:strVal val="#ppt_x"/>
                                          </p:val>
                                        </p:tav>
                                      </p:tavLst>
                                    </p:anim>
                                    <p:anim calcmode="lin" valueType="num">
                                      <p:cBhvr additive="base">
                                        <p:cTn dur="500" fill="hold" id="12"/>
                                        <p:tgtEl>
                                          <p:spTgt spid="3"/>
                                        </p:tgtEl>
                                        <p:attrNameLst>
                                          <p:attrName>ppt_y</p:attrName>
                                        </p:attrNameLst>
                                      </p:cBhvr>
                                      <p:tavLst>
                                        <p:tav tm="0">
                                          <p:val>
                                            <p:strVal val="#ppt_y"/>
                                          </p:val>
                                        </p:tav>
                                        <p:tav tm="100000">
                                          <p:val>
                                            <p:strVal val="#ppt_y"/>
                                          </p:val>
                                        </p:tav>
                                      </p:tavLst>
                                    </p:anim>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89"/>
                                        </p:tgtEl>
                                        <p:attrNameLst>
                                          <p:attrName>style.visibility</p:attrName>
                                        </p:attrNameLst>
                                      </p:cBhvr>
                                      <p:to>
                                        <p:strVal val="visible"/>
                                      </p:to>
                                    </p:set>
                                    <p:animEffect filter="fade" transition="in">
                                      <p:cBhvr>
                                        <p:cTn dur="500" id="17"/>
                                        <p:tgtEl>
                                          <p:spTgt spid="89"/>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90"/>
                                        </p:tgtEl>
                                        <p:attrNameLst>
                                          <p:attrName>style.visibility</p:attrName>
                                        </p:attrNameLst>
                                      </p:cBhvr>
                                      <p:to>
                                        <p:strVal val="visible"/>
                                      </p:to>
                                    </p:set>
                                    <p:animEffect filter="fade" transition="in">
                                      <p:cBhvr>
                                        <p:cTn dur="500" id="22"/>
                                        <p:tgtEl>
                                          <p:spTgt spid="90"/>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91"/>
                                        </p:tgtEl>
                                        <p:attrNameLst>
                                          <p:attrName>style.visibility</p:attrName>
                                        </p:attrNameLst>
                                      </p:cBhvr>
                                      <p:to>
                                        <p:strVal val="visible"/>
                                      </p:to>
                                    </p:set>
                                    <p:animEffect filter="fade" transition="in">
                                      <p:cBhvr>
                                        <p:cTn dur="500" id="27"/>
                                        <p:tgtEl>
                                          <p:spTgt spid="9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88"/>
      <p:bldP animBg="1" grpId="0" spid="89"/>
    </p:bldLst>
  </p:timing>
</p:sld>
</file>

<file path=ppt/slides/slide1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txid="313f0946a6a7ef6e3ff64b7781005945">
            <a:r>
              <a:rPr lang="en-NO"/>
              <a:t>Options de partage de métadonnées et de données</a:t>
            </a:r>
            <a:r>
              <a:rPr lang="es-ES"/>
            </a:r>
            <a:r>
              <a:rPr lang="en-NO"/>
            </a:r>
            <a:r>
              <a:rPr dirty="0" lang="en-NO"/>
            </a:r>
          </a:p>
        </p:txBody>
      </p:sp>
      <p:sp>
        <p:nvSpPr>
          <p:cNvPr id="13" name="!!sharingbox">
            <a:extLst>
              <a:ext uri="{FF2B5EF4-FFF2-40B4-BE49-F238E27FC236}">
                <a16:creationId xmlns:a16="http://schemas.microsoft.com/office/drawing/2014/main" id="{A66E1571-05E6-C61A-72AF-0DE1BAC0EBE2}"/>
              </a:ext>
            </a:extLst>
          </p:cNvPr>
          <p:cNvSpPr/>
          <p:nvPr/>
        </p:nvSpPr>
        <p:spPr>
          <a:xfrm>
            <a:off x="2699235" y="2422963"/>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ef9fb0ac3aac959eb3053572a5390a70">
            <a:pPr algn="ctr"/>
            <a:r>
              <a:rPr lang="es-ES" sz="2400"/>
              <a:t>Métadonnées</a:t>
            </a:r>
            <a:endParaRPr dirty="0" lang="en-NO" sz="2400"/>
          </a:p>
        </p:txBody>
      </p:sp>
      <p:sp>
        <p:nvSpPr>
          <p:cNvPr id="15" name="!!sharingbox">
            <a:extLst>
              <a:ext uri="{FF2B5EF4-FFF2-40B4-BE49-F238E27FC236}">
                <a16:creationId xmlns:a16="http://schemas.microsoft.com/office/drawing/2014/main" id="{21FA45C1-432E-3B17-D9CE-21C76990B9E8}"/>
              </a:ext>
            </a:extLst>
          </p:cNvPr>
          <p:cNvSpPr/>
          <p:nvPr/>
        </p:nvSpPr>
        <p:spPr>
          <a:xfrm>
            <a:off x="6874395" y="2422963"/>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9fb75cfcf19533f66befd47cad6b6c5">
            <a:pPr algn="ctr"/>
            <a:r>
              <a:rPr lang="es-ES" sz="2400"/>
              <a:t>Données</a:t>
            </a:r>
            <a:endParaRPr dirty="0" lang="en-NO" sz="2400"/>
          </a:p>
        </p:txBody>
      </p:sp>
      <p:sp>
        <p:nvSpPr>
          <p:cNvPr id="7" name="TextBox 6">
            <a:extLst>
              <a:ext uri="{FF2B5EF4-FFF2-40B4-BE49-F238E27FC236}">
                <a16:creationId xmlns:a16="http://schemas.microsoft.com/office/drawing/2014/main" id="{E1A8F4E2-DB91-9061-8308-7E22AD941989}"/>
              </a:ext>
            </a:extLst>
          </p:cNvPr>
          <p:cNvSpPr txBox="1"/>
          <p:nvPr/>
        </p:nvSpPr>
        <p:spPr>
          <a:xfrm>
            <a:off x="3580044" y="3450544"/>
            <a:ext cx="5045149" cy="461665"/>
          </a:xfrm>
          <a:prstGeom prst="rect">
            <a:avLst/>
          </a:prstGeom>
          <a:noFill/>
        </p:spPr>
        <p:txBody>
          <a:bodyPr rtlCol="0" wrap="square">
            <a:spAutoFit/>
          </a:bodyPr>
          <a:lstStyle/>
          <a:p txid="2758c6fcc278b139dd4a6fa6583251f6">
            <a:pPr algn="ctr">
              <a:buClr>
                <a:srgbClr val="008CCF"/>
              </a:buClr>
            </a:pPr>
            <a:r>
              <a:rPr lang="es-ES" sz="2400"/>
              <a:t>Paramètres de partage individuels</a:t>
            </a:r>
          </a:p>
        </p:txBody>
      </p:sp>
    </p:spTree>
    <p:custDataLst>
      <p:tags r:id="rId1"/>
    </p:custDataLst>
    <p:extLst>
      <p:ext uri="{BB962C8B-B14F-4D97-AF65-F5344CB8AC3E}">
        <p14:creationId xmlns:p14="http://schemas.microsoft.com/office/powerpoint/2010/main" val="3100836586"/>
      </p:ext>
    </p:extLst>
  </p:cSld>
  <p:clrMapOvr>
    <a:masterClrMapping/>
  </p:clrMapOvr>
  <mc:AlternateContent xmlns:mc="http://schemas.openxmlformats.org/markup-compatibility/2006" xmlns:p14="http://schemas.microsoft.com/office/powerpoint/2010/main">
    <mc:Choice Requires="p14">
      <p:transition advTm="5121" p14:dur="2000" spd="slow"/>
    </mc:Choice>
    <mc:Fallback xmlns="">
      <p:transition advTm="5121"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3"/>
                                        </p:tgtEl>
                                        <p:attrNameLst>
                                          <p:attrName>style.visibility</p:attrName>
                                        </p:attrNameLst>
                                      </p:cBhvr>
                                      <p:to>
                                        <p:strVal val="visible"/>
                                      </p:to>
                                    </p:set>
                                    <p:animEffect filter="fade" transition="in">
                                      <p:cBhvr>
                                        <p:cTn dur="500" id="7"/>
                                        <p:tgtEl>
                                          <p:spTgt spid="13"/>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15"/>
                                        </p:tgtEl>
                                        <p:attrNameLst>
                                          <p:attrName>style.visibility</p:attrName>
                                        </p:attrNameLst>
                                      </p:cBhvr>
                                      <p:to>
                                        <p:strVal val="visible"/>
                                      </p:to>
                                    </p:set>
                                    <p:animEffect filter="fade" transition="in">
                                      <p:cBhvr>
                                        <p:cTn dur="500" id="10"/>
                                        <p:tgtEl>
                                          <p:spTgt spid="15"/>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10" presetSubtype="0">
                                  <p:stCondLst>
                                    <p:cond delay="0"/>
                                  </p:stCondLst>
                                  <p:childTnLst>
                                    <p:set>
                                      <p:cBhvr>
                                        <p:cTn dur="1" fill="hold" id="14">
                                          <p:stCondLst>
                                            <p:cond delay="0"/>
                                          </p:stCondLst>
                                        </p:cTn>
                                        <p:tgtEl>
                                          <p:spTgt spid="7"/>
                                        </p:tgtEl>
                                        <p:attrNameLst>
                                          <p:attrName>style.visibility</p:attrName>
                                        </p:attrNameLst>
                                      </p:cBhvr>
                                      <p:to>
                                        <p:strVal val="visible"/>
                                      </p:to>
                                    </p:set>
                                    <p:animEffect filter="fade" transition="in">
                                      <p:cBhvr>
                                        <p:cTn dur="500" id="15"/>
                                        <p:tgtEl>
                                          <p:spTgt spid="7"/>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3"/>
      <p:bldP animBg="1" grpId="0" spid="15"/>
      <p:bldP grpId="0" spid="7"/>
    </p:bldLst>
  </p:timing>
</p:sld>
</file>

<file path=ppt/slides/slide1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txid="b8cb31fc1889664a95eafc09ab7977ba">
            <a:r>
              <a:rPr dirty="0" lang="en-NO"/>
              <a:t>Options de partage des métadonnées</a:t>
            </a:r>
          </a:p>
        </p:txBody>
      </p:sp>
      <p:grpSp>
        <p:nvGrpSpPr>
          <p:cNvPr id="15" name="Group 14">
            <a:extLst>
              <a:ext uri="{FF2B5EF4-FFF2-40B4-BE49-F238E27FC236}">
                <a16:creationId xmlns:a16="http://schemas.microsoft.com/office/drawing/2014/main" id="{17E26707-A286-9EC4-A202-A69410BB5B80}"/>
              </a:ext>
            </a:extLst>
          </p:cNvPr>
          <p:cNvGrpSpPr/>
          <p:nvPr/>
        </p:nvGrpSpPr>
        <p:grpSpPr>
          <a:xfrm>
            <a:off x="4490624" y="2232754"/>
            <a:ext cx="3345403" cy="1536381"/>
            <a:chOff x="4490624" y="2232754"/>
            <a:chExt cx="3345403" cy="1536381"/>
          </a:xfrm>
        </p:grpSpPr>
        <p:sp>
          <p:nvSpPr>
            <p:cNvPr id="9" name="TextBox 8">
              <a:extLst>
                <a:ext uri="{FF2B5EF4-FFF2-40B4-BE49-F238E27FC236}">
                  <a16:creationId xmlns:a16="http://schemas.microsoft.com/office/drawing/2014/main" id="{7E082AF3-A742-2E90-D641-3AE0255DE0EC}"/>
                </a:ext>
              </a:extLst>
            </p:cNvPr>
            <p:cNvSpPr txBox="1"/>
            <p:nvPr/>
          </p:nvSpPr>
          <p:spPr>
            <a:xfrm>
              <a:off x="4490624" y="2232754"/>
              <a:ext cx="3345403" cy="461665"/>
            </a:xfrm>
            <a:prstGeom prst="rect">
              <a:avLst/>
            </a:prstGeom>
            <a:noFill/>
          </p:spPr>
          <p:txBody>
            <a:bodyPr rtlCol="0" wrap="none">
              <a:spAutoFit/>
            </a:bodyPr>
            <a:lstStyle/>
            <a:p txid="1bf14eebc42c171bdc97d46773f92669">
              <a:pPr algn="l">
                <a:buClr>
                  <a:srgbClr val="008CCF"/>
                </a:buClr>
              </a:pPr>
              <a:r>
                <a:rPr dirty="0" lang="en-US" sz="2400">
                  <a:solidFill>
                    <a:schemeClr val="accent1"/>
                  </a:solidFill>
                </a:rPr>
                <a:t>2. Peut modifier et visualiser</a:t>
              </a:r>
              <a:r>
                <a:rPr dirty="0" lang="en-US" sz="2400"/>
              </a:r>
              <a:r>
                <a:rPr dirty="0" lang="en-NO" sz="2400"/>
              </a:r>
            </a:p>
          </p:txBody>
        </p:sp>
        <p:grpSp>
          <p:nvGrpSpPr>
            <p:cNvPr id="7" name="Group 6">
              <a:extLst>
                <a:ext uri="{FF2B5EF4-FFF2-40B4-BE49-F238E27FC236}">
                  <a16:creationId xmlns:a16="http://schemas.microsoft.com/office/drawing/2014/main" id="{95A97002-40E5-1B33-E577-99C807C86425}"/>
                </a:ext>
              </a:extLst>
            </p:cNvPr>
            <p:cNvGrpSpPr/>
            <p:nvPr/>
          </p:nvGrpSpPr>
          <p:grpSpPr>
            <a:xfrm>
              <a:off x="4989346" y="2783427"/>
              <a:ext cx="2347958" cy="985708"/>
              <a:chOff x="5187905" y="2783427"/>
              <a:chExt cx="2347958" cy="985708"/>
            </a:xfrm>
          </p:grpSpPr>
          <p:grpSp>
            <p:nvGrpSpPr>
              <p:cNvPr id="3" name="Group 2">
                <a:extLst>
                  <a:ext uri="{FF2B5EF4-FFF2-40B4-BE49-F238E27FC236}">
                    <a16:creationId xmlns:a16="http://schemas.microsoft.com/office/drawing/2014/main" id="{37887D1F-644D-53D7-E49C-E5274ABD60FC}"/>
                  </a:ext>
                </a:extLst>
              </p:cNvPr>
              <p:cNvGrpSpPr/>
              <p:nvPr/>
            </p:nvGrpSpPr>
            <p:grpSpPr>
              <a:xfrm>
                <a:off x="5187905" y="2783427"/>
                <a:ext cx="999631" cy="985708"/>
                <a:chOff x="5536888" y="3222942"/>
                <a:chExt cx="765075" cy="754419"/>
              </a:xfrm>
            </p:grpSpPr>
            <p:sp>
              <p:nvSpPr>
                <p:cNvPr id="4" name="Freeform 3">
                  <a:extLst>
                    <a:ext uri="{FF2B5EF4-FFF2-40B4-BE49-F238E27FC236}">
                      <a16:creationId xmlns:a16="http://schemas.microsoft.com/office/drawing/2014/main" id="{E356E05C-D1E4-DB64-48C6-2A68E147901D}"/>
                    </a:ext>
                  </a:extLst>
                </p:cNvPr>
                <p:cNvSpPr/>
                <p:nvPr/>
              </p:nvSpPr>
              <p:spPr>
                <a:xfrm>
                  <a:off x="6143958" y="3222942"/>
                  <a:ext cx="158005" cy="157344"/>
                </a:xfrm>
                <a:custGeom>
                  <a:avLst/>
                  <a:gdLst>
                    <a:gd fmla="*/ 149063 w 158005" name="connsiteX0"/>
                    <a:gd fmla="*/ 62486 h 157344" name="connsiteY0"/>
                    <a:gd fmla="*/ 95611 w 158005" name="connsiteX1"/>
                    <a:gd fmla="*/ 9034 h 157344" name="connsiteY1"/>
                    <a:gd fmla="*/ 52699 w 158005" name="connsiteX2"/>
                    <a:gd fmla="*/ 9034 h 157344" name="connsiteY2"/>
                    <a:gd fmla="*/ 0 w 158005" name="connsiteX3"/>
                    <a:gd fmla="*/ 61733 h 157344" name="connsiteY3"/>
                    <a:gd fmla="*/ 95611 w 158005" name="connsiteX4"/>
                    <a:gd fmla="*/ 157345 h 157344" name="connsiteY4"/>
                    <a:gd fmla="*/ 148310 w 158005" name="connsiteX5"/>
                    <a:gd fmla="*/ 104645 h 157344" name="connsiteY5"/>
                    <a:gd fmla="*/ 149063 w 158005" name="connsiteX6"/>
                    <a:gd fmla="*/ 62486 h 15734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7344" w="158005">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cap="flat" w="7441">
                  <a:noFill/>
                  <a:prstDash val="solid"/>
                  <a:miter/>
                </a:ln>
              </p:spPr>
              <p:txBody>
                <a:bodyPr anchor="ctr" rtlCol="0"/>
                <a:lstStyle/>
                <a:p>
                  <a:endParaRPr lang="en-NO"/>
                </a:p>
              </p:txBody>
            </p:sp>
            <p:sp>
              <p:nvSpPr>
                <p:cNvPr id="5" name="Rounded Rectangle 4">
                  <a:extLst>
                    <a:ext uri="{FF2B5EF4-FFF2-40B4-BE49-F238E27FC236}">
                      <a16:creationId xmlns:a16="http://schemas.microsoft.com/office/drawing/2014/main" id="{692183AC-AFBD-4AD4-7337-8AA61ACC74BE}"/>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NO"/>
                </a:p>
              </p:txBody>
            </p:sp>
            <p:sp>
              <p:nvSpPr>
                <p:cNvPr id="6" name="Freeform 5">
                  <a:extLst>
                    <a:ext uri="{FF2B5EF4-FFF2-40B4-BE49-F238E27FC236}">
                      <a16:creationId xmlns:a16="http://schemas.microsoft.com/office/drawing/2014/main" id="{0B8A6AFE-EEC8-26BC-C820-64B0ED6445A3}"/>
                    </a:ext>
                  </a:extLst>
                </p:cNvPr>
                <p:cNvSpPr/>
                <p:nvPr/>
              </p:nvSpPr>
              <p:spPr>
                <a:xfrm>
                  <a:off x="5699027" y="3305755"/>
                  <a:ext cx="520215" cy="520215"/>
                </a:xfrm>
                <a:custGeom>
                  <a:avLst/>
                  <a:gdLst>
                    <a:gd fmla="*/ 127984 w 520215" name="connsiteX0"/>
                    <a:gd fmla="*/ 392985 h 520215" name="connsiteY0"/>
                    <a:gd fmla="*/ 127984 w 520215" name="connsiteX1"/>
                    <a:gd fmla="*/ 446437 h 520215" name="connsiteY1"/>
                    <a:gd fmla="*/ 63992 w 520215" name="connsiteX2"/>
                    <a:gd fmla="*/ 467517 h 520215" name="connsiteY2"/>
                    <a:gd fmla="*/ 52699 w 520215" name="connsiteX3"/>
                    <a:gd fmla="*/ 456224 h 520215" name="connsiteY3"/>
                    <a:gd fmla="*/ 73779 w 520215" name="connsiteX4"/>
                    <a:gd fmla="*/ 392232 h 520215" name="connsiteY4"/>
                    <a:gd fmla="*/ 127984 w 520215" name="connsiteX5"/>
                    <a:gd fmla="*/ 392985 h 520215" name="connsiteY5"/>
                    <a:gd fmla="*/ 423852 w 520215" name="connsiteX6"/>
                    <a:gd fmla="*/ 0 h 520215" name="connsiteY6"/>
                    <a:gd fmla="*/ 47429 w 520215" name="connsiteX7"/>
                    <a:gd fmla="*/ 377175 h 520215" name="connsiteY7"/>
                    <a:gd fmla="*/ 0 w 520215" name="connsiteX8"/>
                    <a:gd fmla="*/ 520216 h 520215" name="connsiteY8"/>
                    <a:gd fmla="*/ 143793 w 520215" name="connsiteX9"/>
                    <a:gd fmla="*/ 472787 h 520215" name="connsiteY9"/>
                    <a:gd fmla="*/ 520216 w 520215" name="connsiteX10"/>
                    <a:gd fmla="*/ 96364 h 520215"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520215" w="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cap="flat" w="7441">
                  <a:noFill/>
                  <a:prstDash val="solid"/>
                  <a:miter/>
                </a:ln>
              </p:spPr>
              <p:txBody>
                <a:bodyPr anchor="ctr" rtlCol="0"/>
                <a:lstStyle/>
                <a:p>
                  <a:endParaRPr dirty="0" lang="en-NO">
                    <a:solidFill>
                      <a:schemeClr val="tx2"/>
                    </a:solidFill>
                  </a:endParaRPr>
                </a:p>
              </p:txBody>
            </p:sp>
          </p:grpSp>
          <p:pic>
            <p:nvPicPr>
              <p:cNvPr id="11" name="Picture 10">
                <a:extLst>
                  <a:ext uri="{FF2B5EF4-FFF2-40B4-BE49-F238E27FC236}">
                    <a16:creationId xmlns:a16="http://schemas.microsoft.com/office/drawing/2014/main" id="{49974931-06E9-2D5E-D04C-7312A4F4AF5A}"/>
                  </a:ext>
                </a:extLst>
              </p:cNvPr>
              <p:cNvPicPr>
                <a:picLocks noChangeAspect="1"/>
              </p:cNvPicPr>
              <p:nvPr/>
            </p:nvPicPr>
            <p:blipFill>
              <a:blip r:embed="rId4"/>
              <a:stretch>
                <a:fillRect/>
              </a:stretch>
            </p:blipFill>
            <p:spPr>
              <a:xfrm>
                <a:off x="6249832" y="2917786"/>
                <a:ext cx="1286031" cy="716991"/>
              </a:xfrm>
              <a:prstGeom prst="rect">
                <a:avLst/>
              </a:prstGeom>
            </p:spPr>
          </p:pic>
        </p:grpSp>
      </p:grpSp>
      <p:grpSp>
        <p:nvGrpSpPr>
          <p:cNvPr id="16" name="Group 15">
            <a:extLst>
              <a:ext uri="{FF2B5EF4-FFF2-40B4-BE49-F238E27FC236}">
                <a16:creationId xmlns:a16="http://schemas.microsoft.com/office/drawing/2014/main" id="{5DECCA11-2DFB-A1C1-9B14-F7965FC70150}"/>
              </a:ext>
            </a:extLst>
          </p:cNvPr>
          <p:cNvGrpSpPr/>
          <p:nvPr/>
        </p:nvGrpSpPr>
        <p:grpSpPr>
          <a:xfrm>
            <a:off x="8331859" y="2232754"/>
            <a:ext cx="2705805" cy="1402023"/>
            <a:chOff x="8331859" y="2232754"/>
            <a:chExt cx="2705805" cy="1402023"/>
          </a:xfrm>
        </p:grpSpPr>
        <p:sp>
          <p:nvSpPr>
            <p:cNvPr id="10" name="TextBox 9">
              <a:extLst>
                <a:ext uri="{FF2B5EF4-FFF2-40B4-BE49-F238E27FC236}">
                  <a16:creationId xmlns:a16="http://schemas.microsoft.com/office/drawing/2014/main" id="{63652DAE-5004-DB78-0918-3899C22FD99F}"/>
                </a:ext>
              </a:extLst>
            </p:cNvPr>
            <p:cNvSpPr txBox="1"/>
            <p:nvPr/>
          </p:nvSpPr>
          <p:spPr>
            <a:xfrm>
              <a:off x="8331859" y="2232754"/>
              <a:ext cx="2705805" cy="461665"/>
            </a:xfrm>
            <a:prstGeom prst="rect">
              <a:avLst/>
            </a:prstGeom>
            <a:noFill/>
          </p:spPr>
          <p:txBody>
            <a:bodyPr rtlCol="0" wrap="none">
              <a:spAutoFit/>
            </a:bodyPr>
            <a:lstStyle/>
            <a:p txid="fd5ae14c60dba261556df79c70d8848d">
              <a:pPr algn="l">
                <a:buClr>
                  <a:srgbClr val="008CCF"/>
                </a:buClr>
              </a:pPr>
              <a:r>
                <a:rPr dirty="0" lang="en-US" sz="2400">
                  <a:solidFill>
                    <a:schemeClr val="accent1"/>
                  </a:solidFill>
                </a:rPr>
                <a:t>3. Peut visualiser uniquement</a:t>
              </a:r>
              <a:r>
                <a:rPr dirty="0" lang="en-US" sz="2400"/>
              </a:r>
              <a:r>
                <a:rPr dirty="0" lang="en-NO" sz="2400"/>
              </a:r>
            </a:p>
          </p:txBody>
        </p:sp>
        <p:pic>
          <p:nvPicPr>
            <p:cNvPr id="12" name="Picture 11">
              <a:extLst>
                <a:ext uri="{FF2B5EF4-FFF2-40B4-BE49-F238E27FC236}">
                  <a16:creationId xmlns:a16="http://schemas.microsoft.com/office/drawing/2014/main" id="{3C461AA5-D0E3-29C9-28E0-3B1E25E482EA}"/>
                </a:ext>
              </a:extLst>
            </p:cNvPr>
            <p:cNvPicPr>
              <a:picLocks noChangeAspect="1"/>
            </p:cNvPicPr>
            <p:nvPr/>
          </p:nvPicPr>
          <p:blipFill>
            <a:blip r:embed="rId4"/>
            <a:stretch>
              <a:fillRect/>
            </a:stretch>
          </p:blipFill>
          <p:spPr>
            <a:xfrm>
              <a:off x="9041746" y="2917786"/>
              <a:ext cx="1286031" cy="716991"/>
            </a:xfrm>
            <a:prstGeom prst="rect">
              <a:avLst/>
            </a:prstGeom>
          </p:spPr>
        </p:pic>
      </p:grpSp>
      <p:grpSp>
        <p:nvGrpSpPr>
          <p:cNvPr id="17" name="Group 16">
            <a:extLst>
              <a:ext uri="{FF2B5EF4-FFF2-40B4-BE49-F238E27FC236}">
                <a16:creationId xmlns:a16="http://schemas.microsoft.com/office/drawing/2014/main" id="{D5245C5F-AE4A-67FD-1153-965210516DD7}"/>
              </a:ext>
            </a:extLst>
          </p:cNvPr>
          <p:cNvGrpSpPr/>
          <p:nvPr/>
        </p:nvGrpSpPr>
        <p:grpSpPr>
          <a:xfrm>
            <a:off x="1451644" y="2232754"/>
            <a:ext cx="2146742" cy="1604453"/>
            <a:chOff x="1451644" y="2232754"/>
            <a:chExt cx="2146742" cy="1604453"/>
          </a:xfrm>
        </p:grpSpPr>
        <p:sp>
          <p:nvSpPr>
            <p:cNvPr id="8" name="TextBox 7">
              <a:extLst>
                <a:ext uri="{FF2B5EF4-FFF2-40B4-BE49-F238E27FC236}">
                  <a16:creationId xmlns:a16="http://schemas.microsoft.com/office/drawing/2014/main" id="{DCFD19C0-DCE1-9452-EE9C-52DBAE085FD7}"/>
                </a:ext>
              </a:extLst>
            </p:cNvPr>
            <p:cNvSpPr txBox="1"/>
            <p:nvPr/>
          </p:nvSpPr>
          <p:spPr>
            <a:xfrm>
              <a:off x="1451644" y="2232754"/>
              <a:ext cx="2146742" cy="461665"/>
            </a:xfrm>
            <a:prstGeom prst="rect">
              <a:avLst/>
            </a:prstGeom>
            <a:noFill/>
          </p:spPr>
          <p:txBody>
            <a:bodyPr rtlCol="0" wrap="none">
              <a:spAutoFit/>
            </a:bodyPr>
            <a:lstStyle/>
            <a:p txid="7b1b7bfc20ac3a6b3a8dc64599f8d0f1">
              <a:pPr algn="l" indent="-457200" marL="457200">
                <a:buClr>
                  <a:srgbClr val="008CCF"/>
                </a:buClr>
                <a:buFont typeface="+mj-lt"/>
                <a:buAutoNum type="arabicPeriod"/>
              </a:pPr>
              <a:r>
                <a:rPr dirty="0" lang="en-NO" sz="2400"/>
                <a:t>Pas d'accès</a:t>
              </a:r>
            </a:p>
          </p:txBody>
        </p:sp>
        <p:pic>
          <p:nvPicPr>
            <p:cNvPr descr="No sign with solid fill" id="14" name="Graphic 13">
              <a:extLst>
                <a:ext uri="{FF2B5EF4-FFF2-40B4-BE49-F238E27FC236}">
                  <a16:creationId xmlns:a16="http://schemas.microsoft.com/office/drawing/2014/main" id="{2B88B75D-FFDD-BF92-482B-EC84D81B54A9}"/>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64089" y="2715355"/>
              <a:ext cx="1121852" cy="1121852"/>
            </a:xfrm>
            <a:prstGeom prst="rect">
              <a:avLst/>
            </a:prstGeom>
          </p:spPr>
        </p:pic>
      </p:grpSp>
      <p:sp>
        <p:nvSpPr>
          <p:cNvPr id="13" name="!!sharingbox">
            <a:extLst>
              <a:ext uri="{FF2B5EF4-FFF2-40B4-BE49-F238E27FC236}">
                <a16:creationId xmlns:a16="http://schemas.microsoft.com/office/drawing/2014/main" id="{8A0BB7F2-4834-83E0-91C4-448DB7BC7673}"/>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ef9fb0ac3aac959eb3053572a5390a70">
            <a:pPr algn="ctr"/>
            <a:r>
              <a:rPr lang="es-ES" sz="2400"/>
              <a:t>Métadonnées</a:t>
            </a:r>
            <a:endParaRPr dirty="0" lang="en-NO" sz="2400"/>
          </a:p>
        </p:txBody>
      </p:sp>
    </p:spTree>
    <p:custDataLst>
      <p:tags r:id="rId1"/>
    </p:custDataLst>
    <p:extLst>
      <p:ext uri="{BB962C8B-B14F-4D97-AF65-F5344CB8AC3E}">
        <p14:creationId xmlns:p14="http://schemas.microsoft.com/office/powerpoint/2010/main" val="42102094"/>
      </p:ext>
    </p:extLst>
  </p:cSld>
  <p:clrMapOvr>
    <a:masterClrMapping/>
  </p:clrMapOvr>
  <mc:AlternateContent xmlns:mc="http://schemas.openxmlformats.org/markup-compatibility/2006" xmlns:p159="http://schemas.microsoft.com/office/powerpoint/2015/09/main">
    <mc:Choice Requires="p159">
      <p:transition advTm="4349" spd="slow">
        <p159:morph option="byObject"/>
      </p:transition>
    </mc:Choice>
    <mc:Fallback xmlns="">
      <p:transition advTm="4349"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53" presetSubtype="16">
                                  <p:stCondLst>
                                    <p:cond delay="0"/>
                                  </p:stCondLst>
                                  <p:childTnLst>
                                    <p:set>
                                      <p:cBhvr>
                                        <p:cTn dur="1" fill="hold" id="6">
                                          <p:stCondLst>
                                            <p:cond delay="0"/>
                                          </p:stCondLst>
                                        </p:cTn>
                                        <p:tgtEl>
                                          <p:spTgt spid="17"/>
                                        </p:tgtEl>
                                        <p:attrNameLst>
                                          <p:attrName>style.visibility</p:attrName>
                                        </p:attrNameLst>
                                      </p:cBhvr>
                                      <p:to>
                                        <p:strVal val="visible"/>
                                      </p:to>
                                    </p:set>
                                    <p:anim calcmode="lin" valueType="num">
                                      <p:cBhvr>
                                        <p:cTn dur="500" fill="hold" id="7"/>
                                        <p:tgtEl>
                                          <p:spTgt spid="17"/>
                                        </p:tgtEl>
                                        <p:attrNameLst>
                                          <p:attrName>ppt_w</p:attrName>
                                        </p:attrNameLst>
                                      </p:cBhvr>
                                      <p:tavLst>
                                        <p:tav tm="0">
                                          <p:val>
                                            <p:fltVal val="0"/>
                                          </p:val>
                                        </p:tav>
                                        <p:tav tm="100000">
                                          <p:val>
                                            <p:strVal val="#ppt_w"/>
                                          </p:val>
                                        </p:tav>
                                      </p:tavLst>
                                    </p:anim>
                                    <p:anim calcmode="lin" valueType="num">
                                      <p:cBhvr>
                                        <p:cTn dur="500" fill="hold" id="8"/>
                                        <p:tgtEl>
                                          <p:spTgt spid="17"/>
                                        </p:tgtEl>
                                        <p:attrNameLst>
                                          <p:attrName>ppt_h</p:attrName>
                                        </p:attrNameLst>
                                      </p:cBhvr>
                                      <p:tavLst>
                                        <p:tav tm="0">
                                          <p:val>
                                            <p:fltVal val="0"/>
                                          </p:val>
                                        </p:tav>
                                        <p:tav tm="100000">
                                          <p:val>
                                            <p:strVal val="#ppt_h"/>
                                          </p:val>
                                        </p:tav>
                                      </p:tavLst>
                                    </p:anim>
                                    <p:animEffect filter="fade" transition="in">
                                      <p:cBhvr>
                                        <p:cTn dur="500" id="9"/>
                                        <p:tgtEl>
                                          <p:spTgt spid="17"/>
                                        </p:tgtEl>
                                      </p:cBhvr>
                                    </p:animEffect>
                                  </p:childTnLst>
                                </p:cTn>
                              </p:par>
                              <p:par>
                                <p:cTn fill="hold" id="10" nodeType="withEffect" presetClass="entr" presetID="53" presetSubtype="16">
                                  <p:stCondLst>
                                    <p:cond delay="0"/>
                                  </p:stCondLst>
                                  <p:childTnLst>
                                    <p:set>
                                      <p:cBhvr>
                                        <p:cTn dur="1" fill="hold" id="11">
                                          <p:stCondLst>
                                            <p:cond delay="0"/>
                                          </p:stCondLst>
                                        </p:cTn>
                                        <p:tgtEl>
                                          <p:spTgt spid="15"/>
                                        </p:tgtEl>
                                        <p:attrNameLst>
                                          <p:attrName>style.visibility</p:attrName>
                                        </p:attrNameLst>
                                      </p:cBhvr>
                                      <p:to>
                                        <p:strVal val="visible"/>
                                      </p:to>
                                    </p:set>
                                    <p:anim calcmode="lin" valueType="num">
                                      <p:cBhvr>
                                        <p:cTn dur="500" fill="hold" id="12"/>
                                        <p:tgtEl>
                                          <p:spTgt spid="15"/>
                                        </p:tgtEl>
                                        <p:attrNameLst>
                                          <p:attrName>ppt_w</p:attrName>
                                        </p:attrNameLst>
                                      </p:cBhvr>
                                      <p:tavLst>
                                        <p:tav tm="0">
                                          <p:val>
                                            <p:fltVal val="0"/>
                                          </p:val>
                                        </p:tav>
                                        <p:tav tm="100000">
                                          <p:val>
                                            <p:strVal val="#ppt_w"/>
                                          </p:val>
                                        </p:tav>
                                      </p:tavLst>
                                    </p:anim>
                                    <p:anim calcmode="lin" valueType="num">
                                      <p:cBhvr>
                                        <p:cTn dur="500" fill="hold" id="13"/>
                                        <p:tgtEl>
                                          <p:spTgt spid="15"/>
                                        </p:tgtEl>
                                        <p:attrNameLst>
                                          <p:attrName>ppt_h</p:attrName>
                                        </p:attrNameLst>
                                      </p:cBhvr>
                                      <p:tavLst>
                                        <p:tav tm="0">
                                          <p:val>
                                            <p:fltVal val="0"/>
                                          </p:val>
                                        </p:tav>
                                        <p:tav tm="100000">
                                          <p:val>
                                            <p:strVal val="#ppt_h"/>
                                          </p:val>
                                        </p:tav>
                                      </p:tavLst>
                                    </p:anim>
                                    <p:animEffect filter="fade" transition="in">
                                      <p:cBhvr>
                                        <p:cTn dur="500" id="14"/>
                                        <p:tgtEl>
                                          <p:spTgt spid="15"/>
                                        </p:tgtEl>
                                      </p:cBhvr>
                                    </p:animEffect>
                                  </p:childTnLst>
                                </p:cTn>
                              </p:par>
                              <p:par>
                                <p:cTn fill="hold" id="15" nodeType="withEffect" presetClass="entr" presetID="53" presetSubtype="16">
                                  <p:stCondLst>
                                    <p:cond delay="0"/>
                                  </p:stCondLst>
                                  <p:childTnLst>
                                    <p:set>
                                      <p:cBhvr>
                                        <p:cTn dur="1" fill="hold" id="16">
                                          <p:stCondLst>
                                            <p:cond delay="0"/>
                                          </p:stCondLst>
                                        </p:cTn>
                                        <p:tgtEl>
                                          <p:spTgt spid="16"/>
                                        </p:tgtEl>
                                        <p:attrNameLst>
                                          <p:attrName>style.visibility</p:attrName>
                                        </p:attrNameLst>
                                      </p:cBhvr>
                                      <p:to>
                                        <p:strVal val="visible"/>
                                      </p:to>
                                    </p:set>
                                    <p:anim calcmode="lin" valueType="num">
                                      <p:cBhvr>
                                        <p:cTn dur="500" fill="hold" id="17"/>
                                        <p:tgtEl>
                                          <p:spTgt spid="16"/>
                                        </p:tgtEl>
                                        <p:attrNameLst>
                                          <p:attrName>ppt_w</p:attrName>
                                        </p:attrNameLst>
                                      </p:cBhvr>
                                      <p:tavLst>
                                        <p:tav tm="0">
                                          <p:val>
                                            <p:fltVal val="0"/>
                                          </p:val>
                                        </p:tav>
                                        <p:tav tm="100000">
                                          <p:val>
                                            <p:strVal val="#ppt_w"/>
                                          </p:val>
                                        </p:tav>
                                      </p:tavLst>
                                    </p:anim>
                                    <p:anim calcmode="lin" valueType="num">
                                      <p:cBhvr>
                                        <p:cTn dur="500" fill="hold" id="18"/>
                                        <p:tgtEl>
                                          <p:spTgt spid="16"/>
                                        </p:tgtEl>
                                        <p:attrNameLst>
                                          <p:attrName>ppt_h</p:attrName>
                                        </p:attrNameLst>
                                      </p:cBhvr>
                                      <p:tavLst>
                                        <p:tav tm="0">
                                          <p:val>
                                            <p:fltVal val="0"/>
                                          </p:val>
                                        </p:tav>
                                        <p:tav tm="100000">
                                          <p:val>
                                            <p:strVal val="#ppt_h"/>
                                          </p:val>
                                        </p:tav>
                                      </p:tavLst>
                                    </p:anim>
                                    <p:animEffect filter="fade" transition="in">
                                      <p:cBhvr>
                                        <p:cTn dur="500" id="19"/>
                                        <p:tgtEl>
                                          <p:spTgt spid="1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timing>
</p:sld>
</file>

<file path=ppt/slides/slide1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txid="b8cb31fc1889664a95eafc09ab7977ba">
            <a:r>
              <a:rPr dirty="0" lang="en-NO"/>
              <a:t>Options de partage des métadonnées</a:t>
            </a:r>
          </a:p>
        </p:txBody>
      </p:sp>
      <p:grpSp>
        <p:nvGrpSpPr>
          <p:cNvPr id="13" name="Group 12">
            <a:extLst>
              <a:ext uri="{FF2B5EF4-FFF2-40B4-BE49-F238E27FC236}">
                <a16:creationId xmlns:a16="http://schemas.microsoft.com/office/drawing/2014/main" id="{FBC75E6D-FED0-9635-26C0-75C8C77025BB}"/>
              </a:ext>
            </a:extLst>
          </p:cNvPr>
          <p:cNvGrpSpPr/>
          <p:nvPr/>
        </p:nvGrpSpPr>
        <p:grpSpPr>
          <a:xfrm>
            <a:off x="4490624" y="2232754"/>
            <a:ext cx="3345403" cy="1536381"/>
            <a:chOff x="4490624" y="2232754"/>
            <a:chExt cx="3345403" cy="1536381"/>
          </a:xfrm>
        </p:grpSpPr>
        <p:sp>
          <p:nvSpPr>
            <p:cNvPr id="15" name="TextBox 14">
              <a:extLst>
                <a:ext uri="{FF2B5EF4-FFF2-40B4-BE49-F238E27FC236}">
                  <a16:creationId xmlns:a16="http://schemas.microsoft.com/office/drawing/2014/main" id="{FE718A71-4DB6-0A7C-1D3C-7300CE767F1C}"/>
                </a:ext>
              </a:extLst>
            </p:cNvPr>
            <p:cNvSpPr txBox="1"/>
            <p:nvPr/>
          </p:nvSpPr>
          <p:spPr>
            <a:xfrm>
              <a:off x="4490624" y="2232754"/>
              <a:ext cx="3345403" cy="461665"/>
            </a:xfrm>
            <a:prstGeom prst="rect">
              <a:avLst/>
            </a:prstGeom>
            <a:noFill/>
          </p:spPr>
          <p:txBody>
            <a:bodyPr rtlCol="0" wrap="none">
              <a:spAutoFit/>
            </a:bodyPr>
            <a:lstStyle/>
            <a:p txid="1bf14eebc42c171bdc97d46773f92669">
              <a:pPr algn="l">
                <a:buClr>
                  <a:srgbClr val="008CCF"/>
                </a:buClr>
              </a:pPr>
              <a:r>
                <a:rPr dirty="0" lang="en-US" sz="2400">
                  <a:solidFill>
                    <a:schemeClr val="accent1"/>
                  </a:solidFill>
                </a:rPr>
                <a:t>2. Peut modifier et visualiser</a:t>
              </a:r>
              <a:r>
                <a:rPr dirty="0" lang="en-US" sz="2400"/>
              </a:r>
              <a:r>
                <a:rPr dirty="0" lang="en-NO" sz="2400"/>
              </a:r>
            </a:p>
          </p:txBody>
        </p:sp>
        <p:grpSp>
          <p:nvGrpSpPr>
            <p:cNvPr id="16" name="Group 15">
              <a:extLst>
                <a:ext uri="{FF2B5EF4-FFF2-40B4-BE49-F238E27FC236}">
                  <a16:creationId xmlns:a16="http://schemas.microsoft.com/office/drawing/2014/main" id="{59913678-FCBD-0A50-DEF4-B63186EEE16D}"/>
                </a:ext>
              </a:extLst>
            </p:cNvPr>
            <p:cNvGrpSpPr/>
            <p:nvPr/>
          </p:nvGrpSpPr>
          <p:grpSpPr>
            <a:xfrm>
              <a:off x="4989346" y="2783427"/>
              <a:ext cx="2347958" cy="985708"/>
              <a:chOff x="5187905" y="2783427"/>
              <a:chExt cx="2347958" cy="985708"/>
            </a:xfrm>
          </p:grpSpPr>
          <p:grpSp>
            <p:nvGrpSpPr>
              <p:cNvPr id="17" name="Group 16">
                <a:extLst>
                  <a:ext uri="{FF2B5EF4-FFF2-40B4-BE49-F238E27FC236}">
                    <a16:creationId xmlns:a16="http://schemas.microsoft.com/office/drawing/2014/main" id="{AB703B26-A184-EED5-E58B-D7F9F10CA5FE}"/>
                  </a:ext>
                </a:extLst>
              </p:cNvPr>
              <p:cNvGrpSpPr/>
              <p:nvPr/>
            </p:nvGrpSpPr>
            <p:grpSpPr>
              <a:xfrm>
                <a:off x="5187905" y="2783427"/>
                <a:ext cx="999631" cy="985708"/>
                <a:chOff x="5536888" y="3222942"/>
                <a:chExt cx="765075" cy="754419"/>
              </a:xfrm>
            </p:grpSpPr>
            <p:sp>
              <p:nvSpPr>
                <p:cNvPr id="19" name="Freeform 3">
                  <a:extLst>
                    <a:ext uri="{FF2B5EF4-FFF2-40B4-BE49-F238E27FC236}">
                      <a16:creationId xmlns:a16="http://schemas.microsoft.com/office/drawing/2014/main" id="{01EBF0C6-BF8B-A6BC-EC59-B8D4FAAD55BF}"/>
                    </a:ext>
                  </a:extLst>
                </p:cNvPr>
                <p:cNvSpPr/>
                <p:nvPr/>
              </p:nvSpPr>
              <p:spPr>
                <a:xfrm>
                  <a:off x="6143958" y="3222942"/>
                  <a:ext cx="158005" cy="157344"/>
                </a:xfrm>
                <a:custGeom>
                  <a:avLst/>
                  <a:gdLst>
                    <a:gd fmla="*/ 149063 w 158005" name="connsiteX0"/>
                    <a:gd fmla="*/ 62486 h 157344" name="connsiteY0"/>
                    <a:gd fmla="*/ 95611 w 158005" name="connsiteX1"/>
                    <a:gd fmla="*/ 9034 h 157344" name="connsiteY1"/>
                    <a:gd fmla="*/ 52699 w 158005" name="connsiteX2"/>
                    <a:gd fmla="*/ 9034 h 157344" name="connsiteY2"/>
                    <a:gd fmla="*/ 0 w 158005" name="connsiteX3"/>
                    <a:gd fmla="*/ 61733 h 157344" name="connsiteY3"/>
                    <a:gd fmla="*/ 95611 w 158005" name="connsiteX4"/>
                    <a:gd fmla="*/ 157345 h 157344" name="connsiteY4"/>
                    <a:gd fmla="*/ 148310 w 158005" name="connsiteX5"/>
                    <a:gd fmla="*/ 104645 h 157344" name="connsiteY5"/>
                    <a:gd fmla="*/ 149063 w 158005" name="connsiteX6"/>
                    <a:gd fmla="*/ 62486 h 15734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7344" w="158005">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cap="flat" w="7441">
                  <a:noFill/>
                  <a:prstDash val="solid"/>
                  <a:miter/>
                </a:ln>
              </p:spPr>
              <p:txBody>
                <a:bodyPr anchor="ctr" rtlCol="0"/>
                <a:lstStyle/>
                <a:p>
                  <a:endParaRPr lang="en-NO"/>
                </a:p>
              </p:txBody>
            </p:sp>
            <p:sp>
              <p:nvSpPr>
                <p:cNvPr id="20" name="Rounded Rectangle 4">
                  <a:extLst>
                    <a:ext uri="{FF2B5EF4-FFF2-40B4-BE49-F238E27FC236}">
                      <a16:creationId xmlns:a16="http://schemas.microsoft.com/office/drawing/2014/main" id="{551FE8CC-4DA8-F6A5-6B1F-BFEC177A9CB3}"/>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NO"/>
                </a:p>
              </p:txBody>
            </p:sp>
            <p:sp>
              <p:nvSpPr>
                <p:cNvPr id="21" name="Freeform 5">
                  <a:extLst>
                    <a:ext uri="{FF2B5EF4-FFF2-40B4-BE49-F238E27FC236}">
                      <a16:creationId xmlns:a16="http://schemas.microsoft.com/office/drawing/2014/main" id="{10EF119D-91E4-BDFB-7434-B4E0D3D90346}"/>
                    </a:ext>
                  </a:extLst>
                </p:cNvPr>
                <p:cNvSpPr/>
                <p:nvPr/>
              </p:nvSpPr>
              <p:spPr>
                <a:xfrm>
                  <a:off x="5699027" y="3305755"/>
                  <a:ext cx="520215" cy="520215"/>
                </a:xfrm>
                <a:custGeom>
                  <a:avLst/>
                  <a:gdLst>
                    <a:gd fmla="*/ 127984 w 520215" name="connsiteX0"/>
                    <a:gd fmla="*/ 392985 h 520215" name="connsiteY0"/>
                    <a:gd fmla="*/ 127984 w 520215" name="connsiteX1"/>
                    <a:gd fmla="*/ 446437 h 520215" name="connsiteY1"/>
                    <a:gd fmla="*/ 63992 w 520215" name="connsiteX2"/>
                    <a:gd fmla="*/ 467517 h 520215" name="connsiteY2"/>
                    <a:gd fmla="*/ 52699 w 520215" name="connsiteX3"/>
                    <a:gd fmla="*/ 456224 h 520215" name="connsiteY3"/>
                    <a:gd fmla="*/ 73779 w 520215" name="connsiteX4"/>
                    <a:gd fmla="*/ 392232 h 520215" name="connsiteY4"/>
                    <a:gd fmla="*/ 127984 w 520215" name="connsiteX5"/>
                    <a:gd fmla="*/ 392985 h 520215" name="connsiteY5"/>
                    <a:gd fmla="*/ 423852 w 520215" name="connsiteX6"/>
                    <a:gd fmla="*/ 0 h 520215" name="connsiteY6"/>
                    <a:gd fmla="*/ 47429 w 520215" name="connsiteX7"/>
                    <a:gd fmla="*/ 377175 h 520215" name="connsiteY7"/>
                    <a:gd fmla="*/ 0 w 520215" name="connsiteX8"/>
                    <a:gd fmla="*/ 520216 h 520215" name="connsiteY8"/>
                    <a:gd fmla="*/ 143793 w 520215" name="connsiteX9"/>
                    <a:gd fmla="*/ 472787 h 520215" name="connsiteY9"/>
                    <a:gd fmla="*/ 520216 w 520215" name="connsiteX10"/>
                    <a:gd fmla="*/ 96364 h 520215"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520215" w="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cap="flat" w="7441">
                  <a:noFill/>
                  <a:prstDash val="solid"/>
                  <a:miter/>
                </a:ln>
              </p:spPr>
              <p:txBody>
                <a:bodyPr anchor="ctr" rtlCol="0"/>
                <a:lstStyle/>
                <a:p>
                  <a:endParaRPr dirty="0" lang="en-NO">
                    <a:solidFill>
                      <a:schemeClr val="tx2"/>
                    </a:solidFill>
                  </a:endParaRPr>
                </a:p>
              </p:txBody>
            </p:sp>
          </p:grpSp>
          <p:pic>
            <p:nvPicPr>
              <p:cNvPr id="18" name="Picture 17">
                <a:extLst>
                  <a:ext uri="{FF2B5EF4-FFF2-40B4-BE49-F238E27FC236}">
                    <a16:creationId xmlns:a16="http://schemas.microsoft.com/office/drawing/2014/main" id="{511F604E-DAF8-0484-58FD-FBA8D0D69F6C}"/>
                  </a:ext>
                </a:extLst>
              </p:cNvPr>
              <p:cNvPicPr>
                <a:picLocks noChangeAspect="1"/>
              </p:cNvPicPr>
              <p:nvPr/>
            </p:nvPicPr>
            <p:blipFill>
              <a:blip r:embed="rId4"/>
              <a:stretch>
                <a:fillRect/>
              </a:stretch>
            </p:blipFill>
            <p:spPr>
              <a:xfrm>
                <a:off x="6249832" y="2917786"/>
                <a:ext cx="1286031" cy="716991"/>
              </a:xfrm>
              <a:prstGeom prst="rect">
                <a:avLst/>
              </a:prstGeom>
            </p:spPr>
          </p:pic>
        </p:grpSp>
      </p:grpSp>
      <p:grpSp>
        <p:nvGrpSpPr>
          <p:cNvPr id="22" name="Group 21">
            <a:extLst>
              <a:ext uri="{FF2B5EF4-FFF2-40B4-BE49-F238E27FC236}">
                <a16:creationId xmlns:a16="http://schemas.microsoft.com/office/drawing/2014/main" id="{34ECB55E-1DF4-258B-0803-07276A123089}"/>
              </a:ext>
            </a:extLst>
          </p:cNvPr>
          <p:cNvGrpSpPr/>
          <p:nvPr/>
        </p:nvGrpSpPr>
        <p:grpSpPr>
          <a:xfrm>
            <a:off x="8331859" y="2232754"/>
            <a:ext cx="2705805" cy="1402023"/>
            <a:chOff x="8331859" y="2232754"/>
            <a:chExt cx="2705805" cy="1402023"/>
          </a:xfrm>
        </p:grpSpPr>
        <p:sp>
          <p:nvSpPr>
            <p:cNvPr id="23" name="TextBox 22">
              <a:extLst>
                <a:ext uri="{FF2B5EF4-FFF2-40B4-BE49-F238E27FC236}">
                  <a16:creationId xmlns:a16="http://schemas.microsoft.com/office/drawing/2014/main" id="{D122542C-AAAF-103E-60AC-0D855787253B}"/>
                </a:ext>
              </a:extLst>
            </p:cNvPr>
            <p:cNvSpPr txBox="1"/>
            <p:nvPr/>
          </p:nvSpPr>
          <p:spPr>
            <a:xfrm>
              <a:off x="8331859" y="2232754"/>
              <a:ext cx="2705805" cy="461665"/>
            </a:xfrm>
            <a:prstGeom prst="rect">
              <a:avLst/>
            </a:prstGeom>
            <a:noFill/>
          </p:spPr>
          <p:txBody>
            <a:bodyPr rtlCol="0" wrap="none">
              <a:spAutoFit/>
            </a:bodyPr>
            <a:lstStyle/>
            <a:p txid="fd5ae14c60dba261556df79c70d8848d">
              <a:pPr algn="l">
                <a:buClr>
                  <a:srgbClr val="008CCF"/>
                </a:buClr>
              </a:pPr>
              <a:r>
                <a:rPr dirty="0" lang="en-US" sz="2400">
                  <a:solidFill>
                    <a:schemeClr val="accent1"/>
                  </a:solidFill>
                </a:rPr>
                <a:t>3. Peut visualiser uniquement</a:t>
              </a:r>
              <a:r>
                <a:rPr dirty="0" lang="en-US" sz="2400"/>
              </a:r>
              <a:r>
                <a:rPr dirty="0" lang="en-NO" sz="2400"/>
              </a:r>
            </a:p>
          </p:txBody>
        </p:sp>
        <p:pic>
          <p:nvPicPr>
            <p:cNvPr id="24" name="Picture 23">
              <a:extLst>
                <a:ext uri="{FF2B5EF4-FFF2-40B4-BE49-F238E27FC236}">
                  <a16:creationId xmlns:a16="http://schemas.microsoft.com/office/drawing/2014/main" id="{5FDEB8FD-6CE8-D9C0-1B31-B571FB8A9D73}"/>
                </a:ext>
              </a:extLst>
            </p:cNvPr>
            <p:cNvPicPr>
              <a:picLocks noChangeAspect="1"/>
            </p:cNvPicPr>
            <p:nvPr/>
          </p:nvPicPr>
          <p:blipFill>
            <a:blip r:embed="rId4"/>
            <a:stretch>
              <a:fillRect/>
            </a:stretch>
          </p:blipFill>
          <p:spPr>
            <a:xfrm>
              <a:off x="9041746" y="2917786"/>
              <a:ext cx="1286031" cy="716991"/>
            </a:xfrm>
            <a:prstGeom prst="rect">
              <a:avLst/>
            </a:prstGeom>
          </p:spPr>
        </p:pic>
      </p:grpSp>
      <p:grpSp>
        <p:nvGrpSpPr>
          <p:cNvPr id="25" name="Group 24">
            <a:extLst>
              <a:ext uri="{FF2B5EF4-FFF2-40B4-BE49-F238E27FC236}">
                <a16:creationId xmlns:a16="http://schemas.microsoft.com/office/drawing/2014/main" id="{9119166B-E2EE-A948-B8E4-BEE5C7DC7B2B}"/>
              </a:ext>
            </a:extLst>
          </p:cNvPr>
          <p:cNvGrpSpPr/>
          <p:nvPr/>
        </p:nvGrpSpPr>
        <p:grpSpPr>
          <a:xfrm>
            <a:off x="1451644" y="2232754"/>
            <a:ext cx="2146742" cy="1604453"/>
            <a:chOff x="1451644" y="2232754"/>
            <a:chExt cx="2146742" cy="1604453"/>
          </a:xfrm>
        </p:grpSpPr>
        <p:sp>
          <p:nvSpPr>
            <p:cNvPr id="26" name="TextBox 25">
              <a:extLst>
                <a:ext uri="{FF2B5EF4-FFF2-40B4-BE49-F238E27FC236}">
                  <a16:creationId xmlns:a16="http://schemas.microsoft.com/office/drawing/2014/main" id="{BDFFCB71-F373-E205-2C03-AFA5A70098E3}"/>
                </a:ext>
              </a:extLst>
            </p:cNvPr>
            <p:cNvSpPr txBox="1"/>
            <p:nvPr/>
          </p:nvSpPr>
          <p:spPr>
            <a:xfrm>
              <a:off x="1451644" y="2232754"/>
              <a:ext cx="2146742" cy="461665"/>
            </a:xfrm>
            <a:prstGeom prst="rect">
              <a:avLst/>
            </a:prstGeom>
            <a:noFill/>
          </p:spPr>
          <p:txBody>
            <a:bodyPr rtlCol="0" wrap="none">
              <a:spAutoFit/>
            </a:bodyPr>
            <a:lstStyle/>
            <a:p txid="7b1b7bfc20ac3a6b3a8dc64599f8d0f1">
              <a:pPr algn="l" indent="-457200" marL="457200">
                <a:buClr>
                  <a:srgbClr val="008CCF"/>
                </a:buClr>
                <a:buFont typeface="+mj-lt"/>
                <a:buAutoNum type="arabicPeriod"/>
              </a:pPr>
              <a:r>
                <a:rPr dirty="0" lang="en-NO" sz="2400"/>
                <a:t>Pas d'accès</a:t>
              </a:r>
            </a:p>
          </p:txBody>
        </p:sp>
        <p:pic>
          <p:nvPicPr>
            <p:cNvPr descr="No sign with solid fill" id="27" name="Graphic 26">
              <a:extLst>
                <a:ext uri="{FF2B5EF4-FFF2-40B4-BE49-F238E27FC236}">
                  <a16:creationId xmlns:a16="http://schemas.microsoft.com/office/drawing/2014/main" id="{8A6E3D4D-BD66-DFC5-5256-615D11A5EDF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64089" y="2715355"/>
              <a:ext cx="1121852" cy="1121852"/>
            </a:xfrm>
            <a:prstGeom prst="rect">
              <a:avLst/>
            </a:prstGeom>
          </p:spPr>
        </p:pic>
      </p:grpSp>
      <p:sp>
        <p:nvSpPr>
          <p:cNvPr id="28" name="!!sharingbox">
            <a:extLst>
              <a:ext uri="{FF2B5EF4-FFF2-40B4-BE49-F238E27FC236}">
                <a16:creationId xmlns:a16="http://schemas.microsoft.com/office/drawing/2014/main" id="{293CC8DD-71F4-826F-8394-85D93F89BB3A}"/>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ef9fb0ac3aac959eb3053572a5390a70">
            <a:pPr algn="ctr"/>
            <a:r>
              <a:rPr lang="es-ES" sz="2400"/>
              <a:t>Métadonnées</a:t>
            </a:r>
            <a:endParaRPr dirty="0" lang="en-NO" sz="2400"/>
          </a:p>
        </p:txBody>
      </p:sp>
      <p:sp>
        <p:nvSpPr>
          <p:cNvPr id="31" name="Freeform: Shape 30">
            <a:extLst>
              <a:ext uri="{FF2B5EF4-FFF2-40B4-BE49-F238E27FC236}">
                <a16:creationId xmlns:a16="http://schemas.microsoft.com/office/drawing/2014/main" id="{D5833999-6389-D478-6558-26CCED7B9D51}"/>
              </a:ext>
            </a:extLst>
          </p:cNvPr>
          <p:cNvSpPr/>
          <p:nvPr/>
        </p:nvSpPr>
        <p:spPr>
          <a:xfrm>
            <a:off x="0" y="0"/>
            <a:ext cx="12192000" cy="6858000"/>
          </a:xfrm>
          <a:custGeom>
            <a:avLst/>
            <a:gdLst>
              <a:gd fmla="*/ 1531981 w 12192000" name="connsiteX0"/>
              <a:gd fmla="*/ 2030819 h 6858000" name="connsiteY0"/>
              <a:gd fmla="*/ 1333500 w 12192000" name="connsiteX1"/>
              <a:gd fmla="*/ 2229300 h 6858000" name="connsiteY1"/>
              <a:gd fmla="*/ 1333500 w 12192000" name="connsiteX2"/>
              <a:gd fmla="*/ 4012012 h 6858000" name="connsiteY2"/>
              <a:gd fmla="*/ 1531981 w 12192000" name="connsiteX3"/>
              <a:gd fmla="*/ 4210493 h 6858000" name="connsiteY3"/>
              <a:gd fmla="*/ 3636529 w 12192000" name="connsiteX4"/>
              <a:gd fmla="*/ 4210493 h 6858000" name="connsiteY4"/>
              <a:gd fmla="*/ 3835010 w 12192000" name="connsiteX5"/>
              <a:gd fmla="*/ 4012012 h 6858000" name="connsiteY5"/>
              <a:gd fmla="*/ 3835010 w 12192000" name="connsiteX6"/>
              <a:gd fmla="*/ 2229300 h 6858000" name="connsiteY6"/>
              <a:gd fmla="*/ 3636529 w 12192000" name="connsiteX7"/>
              <a:gd fmla="*/ 2030819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1531981" y="2030819"/>
                </a:moveTo>
                <a:cubicBezTo>
                  <a:pt x="1422363" y="2030819"/>
                  <a:pt x="1333500" y="2119682"/>
                  <a:pt x="1333500" y="2229300"/>
                </a:cubicBezTo>
                <a:lnTo>
                  <a:pt x="1333500" y="4012012"/>
                </a:lnTo>
                <a:cubicBezTo>
                  <a:pt x="1333500" y="4121630"/>
                  <a:pt x="1422363" y="4210493"/>
                  <a:pt x="1531981" y="4210493"/>
                </a:cubicBezTo>
                <a:lnTo>
                  <a:pt x="3636529" y="4210493"/>
                </a:lnTo>
                <a:cubicBezTo>
                  <a:pt x="3746147" y="4210493"/>
                  <a:pt x="3835010" y="4121630"/>
                  <a:pt x="3835010" y="4012012"/>
                </a:cubicBezTo>
                <a:lnTo>
                  <a:pt x="3835010" y="2229300"/>
                </a:lnTo>
                <a:cubicBezTo>
                  <a:pt x="3835010" y="2119682"/>
                  <a:pt x="3746147" y="2030819"/>
                  <a:pt x="3636529" y="2030819"/>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32" name="Rectangle: Rounded Corners 31">
            <a:extLst>
              <a:ext uri="{FF2B5EF4-FFF2-40B4-BE49-F238E27FC236}">
                <a16:creationId xmlns:a16="http://schemas.microsoft.com/office/drawing/2014/main" id="{0C859A98-ED37-21C9-3AB3-3B40AED4A767}"/>
              </a:ext>
            </a:extLst>
          </p:cNvPr>
          <p:cNvSpPr/>
          <p:nvPr/>
        </p:nvSpPr>
        <p:spPr>
          <a:xfrm>
            <a:off x="4401561" y="1935480"/>
            <a:ext cx="5283200" cy="2342018"/>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89621ee97a11a940b17386e88e913962">
            <a:pPr indent="-342900" marL="342900">
              <a:buClr>
                <a:schemeClr val="accent1"/>
              </a:buClr>
              <a:buFont charset="0" panose="020B0604020202020204" pitchFamily="34" typeface="Arial"/>
              <a:buChar char="•"/>
            </a:pPr>
            <a:r>
              <a:rPr lang="en-US" sz="2400">
                <a:solidFill>
                  <a:schemeClr val="tx1"/>
                </a:solidFill>
              </a:rPr>
              <a:t>Les utilisateurs ne peuvent pas voir d'objet</a:t>
            </a:r>
            <a:r>
              <a:rPr b="0" i="0" kern="1200" lang="en-US" strike="noStrike" sz="2400" u="none">
                <a:solidFill>
                  <a:schemeClr val="tx1"/>
                </a:solidFill>
                <a:effectLst/>
                <a:ea typeface="+mn-ea"/>
                <a:cs typeface="+mn-cs"/>
              </a:rPr>
            </a:r>
          </a:p>
          <a:p txid="d4f8493ef2f8298e09b51d5825b51e38">
            <a:pPr indent="-342900" marL="342900">
              <a:buClr>
                <a:schemeClr val="accent1"/>
              </a:buClr>
              <a:buFont charset="0" panose="020B0604020202020204" pitchFamily="34" typeface="Arial"/>
              <a:buChar char="•"/>
            </a:pPr>
            <a:r>
              <a:rPr lang="en-US" sz="2400">
                <a:solidFill>
                  <a:schemeClr val="tx1"/>
                </a:solidFill>
              </a:rPr>
              <a:t>Appliqué via l'accès public à tout le système</a:t>
            </a:r>
            <a:endParaRPr lang="es-ES" sz="2400"/>
          </a:p>
        </p:txBody>
      </p:sp>
    </p:spTree>
    <p:custDataLst>
      <p:tags r:id="rId1"/>
    </p:custDataLst>
    <p:extLst>
      <p:ext uri="{BB962C8B-B14F-4D97-AF65-F5344CB8AC3E}">
        <p14:creationId xmlns:p14="http://schemas.microsoft.com/office/powerpoint/2010/main" val="3717077976"/>
      </p:ext>
    </p:extLst>
  </p:cSld>
  <p:clrMapOvr>
    <a:masterClrMapping/>
  </p:clrMapOvr>
  <mc:AlternateContent xmlns:mc="http://schemas.openxmlformats.org/markup-compatibility/2006" xmlns:p14="http://schemas.microsoft.com/office/powerpoint/2010/main">
    <mc:Choice Requires="p14">
      <p:transition advTm="18272" p14:dur="2000" spd="slow"/>
    </mc:Choice>
    <mc:Fallback xmlns="">
      <p:transition advTm="1827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1"/>
                                        </p:tgtEl>
                                        <p:attrNameLst>
                                          <p:attrName>style.visibility</p:attrName>
                                        </p:attrNameLst>
                                      </p:cBhvr>
                                      <p:to>
                                        <p:strVal val="visible"/>
                                      </p:to>
                                    </p:set>
                                    <p:animEffect filter="fade" transition="in">
                                      <p:cBhvr>
                                        <p:cTn dur="500" id="7"/>
                                        <p:tgtEl>
                                          <p:spTgt spid="31"/>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2">
                                            <p:bg/>
                                          </p:spTgt>
                                        </p:tgtEl>
                                        <p:attrNameLst>
                                          <p:attrName>style.visibility</p:attrName>
                                        </p:attrNameLst>
                                      </p:cBhvr>
                                      <p:to>
                                        <p:strVal val="visible"/>
                                      </p:to>
                                    </p:set>
                                    <p:animEffect filter="fade" transition="in">
                                      <p:cBhvr>
                                        <p:cTn dur="500" id="12"/>
                                        <p:tgtEl>
                                          <p:spTgt spid="32">
                                            <p:bg/>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2">
                                            <p:txEl>
                                              <p:pRg end="0" st="0"/>
                                            </p:txEl>
                                          </p:spTgt>
                                        </p:tgtEl>
                                        <p:attrNameLst>
                                          <p:attrName>style.visibility</p:attrName>
                                        </p:attrNameLst>
                                      </p:cBhvr>
                                      <p:to>
                                        <p:strVal val="visible"/>
                                      </p:to>
                                    </p:set>
                                    <p:animEffect filter="fade" transition="in">
                                      <p:cBhvr>
                                        <p:cTn dur="500" id="17"/>
                                        <p:tgtEl>
                                          <p:spTgt spid="3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32">
                                            <p:txEl>
                                              <p:pRg end="1" st="1"/>
                                            </p:txEl>
                                          </p:spTgt>
                                        </p:tgtEl>
                                        <p:attrNameLst>
                                          <p:attrName>style.visibility</p:attrName>
                                        </p:attrNameLst>
                                      </p:cBhvr>
                                      <p:to>
                                        <p:strVal val="visible"/>
                                      </p:to>
                                    </p:set>
                                    <p:animEffect filter="fade" transition="in">
                                      <p:cBhvr>
                                        <p:cTn dur="500" id="22"/>
                                        <p:tgtEl>
                                          <p:spTgt spid="32">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1"/>
      <p:bldP animBg="1" build="p" grpId="0" spid="32" uiExpand="1"/>
    </p:bldLst>
  </p:timing>
</p:sld>
</file>

<file path=ppt/slides/slide1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txid="b8cb31fc1889664a95eafc09ab7977ba">
            <a:r>
              <a:rPr dirty="0" lang="en-NO"/>
              <a:t>Options de partage des métadonnées</a:t>
            </a:r>
          </a:p>
        </p:txBody>
      </p:sp>
      <p:grpSp>
        <p:nvGrpSpPr>
          <p:cNvPr id="13" name="Group 12">
            <a:extLst>
              <a:ext uri="{FF2B5EF4-FFF2-40B4-BE49-F238E27FC236}">
                <a16:creationId xmlns:a16="http://schemas.microsoft.com/office/drawing/2014/main" id="{96885388-2B4E-C764-653B-1C384C1B58C8}"/>
              </a:ext>
            </a:extLst>
          </p:cNvPr>
          <p:cNvGrpSpPr/>
          <p:nvPr/>
        </p:nvGrpSpPr>
        <p:grpSpPr>
          <a:xfrm>
            <a:off x="4490624" y="2232754"/>
            <a:ext cx="3345403" cy="1536381"/>
            <a:chOff x="4490624" y="2232754"/>
            <a:chExt cx="3345403" cy="1536381"/>
          </a:xfrm>
        </p:grpSpPr>
        <p:sp>
          <p:nvSpPr>
            <p:cNvPr id="15" name="TextBox 14">
              <a:extLst>
                <a:ext uri="{FF2B5EF4-FFF2-40B4-BE49-F238E27FC236}">
                  <a16:creationId xmlns:a16="http://schemas.microsoft.com/office/drawing/2014/main" id="{36FF52B6-3963-B472-F2EA-FCA0D0718B62}"/>
                </a:ext>
              </a:extLst>
            </p:cNvPr>
            <p:cNvSpPr txBox="1"/>
            <p:nvPr/>
          </p:nvSpPr>
          <p:spPr>
            <a:xfrm>
              <a:off x="4490624" y="2232754"/>
              <a:ext cx="3345403" cy="461665"/>
            </a:xfrm>
            <a:prstGeom prst="rect">
              <a:avLst/>
            </a:prstGeom>
            <a:noFill/>
          </p:spPr>
          <p:txBody>
            <a:bodyPr rtlCol="0" wrap="none">
              <a:spAutoFit/>
            </a:bodyPr>
            <a:lstStyle/>
            <a:p txid="1bf14eebc42c171bdc97d46773f92669">
              <a:pPr algn="l">
                <a:buClr>
                  <a:srgbClr val="008CCF"/>
                </a:buClr>
              </a:pPr>
              <a:r>
                <a:rPr dirty="0" lang="en-US" sz="2400">
                  <a:solidFill>
                    <a:schemeClr val="accent1"/>
                  </a:solidFill>
                </a:rPr>
                <a:t>2. Peut modifier et visualiser</a:t>
              </a:r>
              <a:r>
                <a:rPr dirty="0" lang="en-US" sz="2400"/>
              </a:r>
              <a:r>
                <a:rPr dirty="0" lang="en-NO" sz="2400"/>
              </a:r>
            </a:p>
          </p:txBody>
        </p:sp>
        <p:grpSp>
          <p:nvGrpSpPr>
            <p:cNvPr id="16" name="Group 15">
              <a:extLst>
                <a:ext uri="{FF2B5EF4-FFF2-40B4-BE49-F238E27FC236}">
                  <a16:creationId xmlns:a16="http://schemas.microsoft.com/office/drawing/2014/main" id="{E222B470-1386-5A52-FAB8-FA36FB77F153}"/>
                </a:ext>
              </a:extLst>
            </p:cNvPr>
            <p:cNvGrpSpPr/>
            <p:nvPr/>
          </p:nvGrpSpPr>
          <p:grpSpPr>
            <a:xfrm>
              <a:off x="4989346" y="2783427"/>
              <a:ext cx="2347958" cy="985708"/>
              <a:chOff x="5187905" y="2783427"/>
              <a:chExt cx="2347958" cy="985708"/>
            </a:xfrm>
          </p:grpSpPr>
          <p:grpSp>
            <p:nvGrpSpPr>
              <p:cNvPr id="17" name="Group 16">
                <a:extLst>
                  <a:ext uri="{FF2B5EF4-FFF2-40B4-BE49-F238E27FC236}">
                    <a16:creationId xmlns:a16="http://schemas.microsoft.com/office/drawing/2014/main" id="{E0B876D3-9471-E111-8B1A-67251E45BAA3}"/>
                  </a:ext>
                </a:extLst>
              </p:cNvPr>
              <p:cNvGrpSpPr/>
              <p:nvPr/>
            </p:nvGrpSpPr>
            <p:grpSpPr>
              <a:xfrm>
                <a:off x="5187905" y="2783427"/>
                <a:ext cx="999631" cy="985708"/>
                <a:chOff x="5536888" y="3222942"/>
                <a:chExt cx="765075" cy="754419"/>
              </a:xfrm>
            </p:grpSpPr>
            <p:sp>
              <p:nvSpPr>
                <p:cNvPr id="19" name="Freeform 3">
                  <a:extLst>
                    <a:ext uri="{FF2B5EF4-FFF2-40B4-BE49-F238E27FC236}">
                      <a16:creationId xmlns:a16="http://schemas.microsoft.com/office/drawing/2014/main" id="{C867342D-E59E-8AD5-45BC-383BC3C61F60}"/>
                    </a:ext>
                  </a:extLst>
                </p:cNvPr>
                <p:cNvSpPr/>
                <p:nvPr/>
              </p:nvSpPr>
              <p:spPr>
                <a:xfrm>
                  <a:off x="6143958" y="3222942"/>
                  <a:ext cx="158005" cy="157344"/>
                </a:xfrm>
                <a:custGeom>
                  <a:avLst/>
                  <a:gdLst>
                    <a:gd fmla="*/ 149063 w 158005" name="connsiteX0"/>
                    <a:gd fmla="*/ 62486 h 157344" name="connsiteY0"/>
                    <a:gd fmla="*/ 95611 w 158005" name="connsiteX1"/>
                    <a:gd fmla="*/ 9034 h 157344" name="connsiteY1"/>
                    <a:gd fmla="*/ 52699 w 158005" name="connsiteX2"/>
                    <a:gd fmla="*/ 9034 h 157344" name="connsiteY2"/>
                    <a:gd fmla="*/ 0 w 158005" name="connsiteX3"/>
                    <a:gd fmla="*/ 61733 h 157344" name="connsiteY3"/>
                    <a:gd fmla="*/ 95611 w 158005" name="connsiteX4"/>
                    <a:gd fmla="*/ 157345 h 157344" name="connsiteY4"/>
                    <a:gd fmla="*/ 148310 w 158005" name="connsiteX5"/>
                    <a:gd fmla="*/ 104645 h 157344" name="connsiteY5"/>
                    <a:gd fmla="*/ 149063 w 158005" name="connsiteX6"/>
                    <a:gd fmla="*/ 62486 h 15734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7344" w="158005">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cap="flat" w="7441">
                  <a:noFill/>
                  <a:prstDash val="solid"/>
                  <a:miter/>
                </a:ln>
              </p:spPr>
              <p:txBody>
                <a:bodyPr anchor="ctr" rtlCol="0"/>
                <a:lstStyle/>
                <a:p>
                  <a:endParaRPr lang="en-NO"/>
                </a:p>
              </p:txBody>
            </p:sp>
            <p:sp>
              <p:nvSpPr>
                <p:cNvPr id="20" name="Rounded Rectangle 4">
                  <a:extLst>
                    <a:ext uri="{FF2B5EF4-FFF2-40B4-BE49-F238E27FC236}">
                      <a16:creationId xmlns:a16="http://schemas.microsoft.com/office/drawing/2014/main" id="{83CDF1AD-AB13-5766-A8FC-4D03AF6D7C77}"/>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NO"/>
                </a:p>
              </p:txBody>
            </p:sp>
            <p:sp>
              <p:nvSpPr>
                <p:cNvPr id="21" name="Freeform 5">
                  <a:extLst>
                    <a:ext uri="{FF2B5EF4-FFF2-40B4-BE49-F238E27FC236}">
                      <a16:creationId xmlns:a16="http://schemas.microsoft.com/office/drawing/2014/main" id="{53E087B1-4202-92E3-C3ED-BADEABEFA973}"/>
                    </a:ext>
                  </a:extLst>
                </p:cNvPr>
                <p:cNvSpPr/>
                <p:nvPr/>
              </p:nvSpPr>
              <p:spPr>
                <a:xfrm>
                  <a:off x="5699027" y="3305755"/>
                  <a:ext cx="520215" cy="520215"/>
                </a:xfrm>
                <a:custGeom>
                  <a:avLst/>
                  <a:gdLst>
                    <a:gd fmla="*/ 127984 w 520215" name="connsiteX0"/>
                    <a:gd fmla="*/ 392985 h 520215" name="connsiteY0"/>
                    <a:gd fmla="*/ 127984 w 520215" name="connsiteX1"/>
                    <a:gd fmla="*/ 446437 h 520215" name="connsiteY1"/>
                    <a:gd fmla="*/ 63992 w 520215" name="connsiteX2"/>
                    <a:gd fmla="*/ 467517 h 520215" name="connsiteY2"/>
                    <a:gd fmla="*/ 52699 w 520215" name="connsiteX3"/>
                    <a:gd fmla="*/ 456224 h 520215" name="connsiteY3"/>
                    <a:gd fmla="*/ 73779 w 520215" name="connsiteX4"/>
                    <a:gd fmla="*/ 392232 h 520215" name="connsiteY4"/>
                    <a:gd fmla="*/ 127984 w 520215" name="connsiteX5"/>
                    <a:gd fmla="*/ 392985 h 520215" name="connsiteY5"/>
                    <a:gd fmla="*/ 423852 w 520215" name="connsiteX6"/>
                    <a:gd fmla="*/ 0 h 520215" name="connsiteY6"/>
                    <a:gd fmla="*/ 47429 w 520215" name="connsiteX7"/>
                    <a:gd fmla="*/ 377175 h 520215" name="connsiteY7"/>
                    <a:gd fmla="*/ 0 w 520215" name="connsiteX8"/>
                    <a:gd fmla="*/ 520216 h 520215" name="connsiteY8"/>
                    <a:gd fmla="*/ 143793 w 520215" name="connsiteX9"/>
                    <a:gd fmla="*/ 472787 h 520215" name="connsiteY9"/>
                    <a:gd fmla="*/ 520216 w 520215" name="connsiteX10"/>
                    <a:gd fmla="*/ 96364 h 520215"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520215" w="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cap="flat" w="7441">
                  <a:noFill/>
                  <a:prstDash val="solid"/>
                  <a:miter/>
                </a:ln>
              </p:spPr>
              <p:txBody>
                <a:bodyPr anchor="ctr" rtlCol="0"/>
                <a:lstStyle/>
                <a:p>
                  <a:endParaRPr dirty="0" lang="en-NO">
                    <a:solidFill>
                      <a:schemeClr val="tx2"/>
                    </a:solidFill>
                  </a:endParaRPr>
                </a:p>
              </p:txBody>
            </p:sp>
          </p:grpSp>
          <p:pic>
            <p:nvPicPr>
              <p:cNvPr id="18" name="Picture 17">
                <a:extLst>
                  <a:ext uri="{FF2B5EF4-FFF2-40B4-BE49-F238E27FC236}">
                    <a16:creationId xmlns:a16="http://schemas.microsoft.com/office/drawing/2014/main" id="{92E93943-FA36-A678-9754-DAE77578C457}"/>
                  </a:ext>
                </a:extLst>
              </p:cNvPr>
              <p:cNvPicPr>
                <a:picLocks noChangeAspect="1"/>
              </p:cNvPicPr>
              <p:nvPr/>
            </p:nvPicPr>
            <p:blipFill>
              <a:blip r:embed="rId4"/>
              <a:stretch>
                <a:fillRect/>
              </a:stretch>
            </p:blipFill>
            <p:spPr>
              <a:xfrm>
                <a:off x="6249832" y="2917786"/>
                <a:ext cx="1286031" cy="716991"/>
              </a:xfrm>
              <a:prstGeom prst="rect">
                <a:avLst/>
              </a:prstGeom>
            </p:spPr>
          </p:pic>
        </p:grpSp>
      </p:grpSp>
      <p:grpSp>
        <p:nvGrpSpPr>
          <p:cNvPr id="22" name="Group 21">
            <a:extLst>
              <a:ext uri="{FF2B5EF4-FFF2-40B4-BE49-F238E27FC236}">
                <a16:creationId xmlns:a16="http://schemas.microsoft.com/office/drawing/2014/main" id="{092C2D4B-A358-3588-9279-C2DE2CE94FB5}"/>
              </a:ext>
            </a:extLst>
          </p:cNvPr>
          <p:cNvGrpSpPr/>
          <p:nvPr/>
        </p:nvGrpSpPr>
        <p:grpSpPr>
          <a:xfrm>
            <a:off x="8331859" y="2232754"/>
            <a:ext cx="2705805" cy="1402023"/>
            <a:chOff x="8331859" y="2232754"/>
            <a:chExt cx="2705805" cy="1402023"/>
          </a:xfrm>
        </p:grpSpPr>
        <p:sp>
          <p:nvSpPr>
            <p:cNvPr id="23" name="TextBox 22">
              <a:extLst>
                <a:ext uri="{FF2B5EF4-FFF2-40B4-BE49-F238E27FC236}">
                  <a16:creationId xmlns:a16="http://schemas.microsoft.com/office/drawing/2014/main" id="{69D0EF46-5E2D-BCAB-4FC5-9BAD1E356FD1}"/>
                </a:ext>
              </a:extLst>
            </p:cNvPr>
            <p:cNvSpPr txBox="1"/>
            <p:nvPr/>
          </p:nvSpPr>
          <p:spPr>
            <a:xfrm>
              <a:off x="8331859" y="2232754"/>
              <a:ext cx="2705805" cy="461665"/>
            </a:xfrm>
            <a:prstGeom prst="rect">
              <a:avLst/>
            </a:prstGeom>
            <a:noFill/>
          </p:spPr>
          <p:txBody>
            <a:bodyPr rtlCol="0" wrap="none">
              <a:spAutoFit/>
            </a:bodyPr>
            <a:lstStyle/>
            <a:p txid="fd5ae14c60dba261556df79c70d8848d">
              <a:pPr algn="l">
                <a:buClr>
                  <a:srgbClr val="008CCF"/>
                </a:buClr>
              </a:pPr>
              <a:r>
                <a:rPr dirty="0" lang="en-US" sz="2400">
                  <a:solidFill>
                    <a:schemeClr val="accent1"/>
                  </a:solidFill>
                </a:rPr>
                <a:t>3. Peut visualiser uniquement</a:t>
              </a:r>
              <a:r>
                <a:rPr dirty="0" lang="en-US" sz="2400"/>
              </a:r>
              <a:r>
                <a:rPr dirty="0" lang="en-NO" sz="2400"/>
              </a:r>
            </a:p>
          </p:txBody>
        </p:sp>
        <p:pic>
          <p:nvPicPr>
            <p:cNvPr id="24" name="Picture 23">
              <a:extLst>
                <a:ext uri="{FF2B5EF4-FFF2-40B4-BE49-F238E27FC236}">
                  <a16:creationId xmlns:a16="http://schemas.microsoft.com/office/drawing/2014/main" id="{B318B1FD-E948-1BB6-8ECE-EBD83150EF2D}"/>
                </a:ext>
              </a:extLst>
            </p:cNvPr>
            <p:cNvPicPr>
              <a:picLocks noChangeAspect="1"/>
            </p:cNvPicPr>
            <p:nvPr/>
          </p:nvPicPr>
          <p:blipFill>
            <a:blip r:embed="rId4"/>
            <a:stretch>
              <a:fillRect/>
            </a:stretch>
          </p:blipFill>
          <p:spPr>
            <a:xfrm>
              <a:off x="9041746" y="2917786"/>
              <a:ext cx="1286031" cy="716991"/>
            </a:xfrm>
            <a:prstGeom prst="rect">
              <a:avLst/>
            </a:prstGeom>
          </p:spPr>
        </p:pic>
      </p:grpSp>
      <p:grpSp>
        <p:nvGrpSpPr>
          <p:cNvPr id="25" name="Group 24">
            <a:extLst>
              <a:ext uri="{FF2B5EF4-FFF2-40B4-BE49-F238E27FC236}">
                <a16:creationId xmlns:a16="http://schemas.microsoft.com/office/drawing/2014/main" id="{22F7F662-E721-7751-BC01-9164CBE4DD1A}"/>
              </a:ext>
            </a:extLst>
          </p:cNvPr>
          <p:cNvGrpSpPr/>
          <p:nvPr/>
        </p:nvGrpSpPr>
        <p:grpSpPr>
          <a:xfrm>
            <a:off x="1451644" y="2232754"/>
            <a:ext cx="2146742" cy="1604453"/>
            <a:chOff x="1451644" y="2232754"/>
            <a:chExt cx="2146742" cy="1604453"/>
          </a:xfrm>
        </p:grpSpPr>
        <p:sp>
          <p:nvSpPr>
            <p:cNvPr id="26" name="TextBox 25">
              <a:extLst>
                <a:ext uri="{FF2B5EF4-FFF2-40B4-BE49-F238E27FC236}">
                  <a16:creationId xmlns:a16="http://schemas.microsoft.com/office/drawing/2014/main" id="{4A45C1A2-4FF1-27C9-E044-A155720853DC}"/>
                </a:ext>
              </a:extLst>
            </p:cNvPr>
            <p:cNvSpPr txBox="1"/>
            <p:nvPr/>
          </p:nvSpPr>
          <p:spPr>
            <a:xfrm>
              <a:off x="1451644" y="2232754"/>
              <a:ext cx="2146742" cy="461665"/>
            </a:xfrm>
            <a:prstGeom prst="rect">
              <a:avLst/>
            </a:prstGeom>
            <a:noFill/>
          </p:spPr>
          <p:txBody>
            <a:bodyPr rtlCol="0" wrap="none">
              <a:spAutoFit/>
            </a:bodyPr>
            <a:lstStyle/>
            <a:p txid="7b1b7bfc20ac3a6b3a8dc64599f8d0f1">
              <a:pPr algn="l" indent="-457200" marL="457200">
                <a:buClr>
                  <a:srgbClr val="008CCF"/>
                </a:buClr>
                <a:buFont typeface="+mj-lt"/>
                <a:buAutoNum type="arabicPeriod"/>
              </a:pPr>
              <a:r>
                <a:rPr dirty="0" lang="en-NO" sz="2400"/>
                <a:t>Pas d'accès</a:t>
              </a:r>
            </a:p>
          </p:txBody>
        </p:sp>
        <p:pic>
          <p:nvPicPr>
            <p:cNvPr descr="No sign with solid fill" id="27" name="Graphic 26">
              <a:extLst>
                <a:ext uri="{FF2B5EF4-FFF2-40B4-BE49-F238E27FC236}">
                  <a16:creationId xmlns:a16="http://schemas.microsoft.com/office/drawing/2014/main" id="{3EFCB154-246A-8DAD-6D68-EC8E3E971367}"/>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64089" y="2715355"/>
              <a:ext cx="1121852" cy="1121852"/>
            </a:xfrm>
            <a:prstGeom prst="rect">
              <a:avLst/>
            </a:prstGeom>
          </p:spPr>
        </p:pic>
      </p:grpSp>
      <p:sp>
        <p:nvSpPr>
          <p:cNvPr id="28" name="!!sharingbox">
            <a:extLst>
              <a:ext uri="{FF2B5EF4-FFF2-40B4-BE49-F238E27FC236}">
                <a16:creationId xmlns:a16="http://schemas.microsoft.com/office/drawing/2014/main" id="{B0477258-6DF2-766B-CB9A-A15895CA16F3}"/>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ef9fb0ac3aac959eb3053572a5390a70">
            <a:pPr algn="ctr"/>
            <a:r>
              <a:rPr lang="es-ES" sz="2400"/>
              <a:t>Métadonnées</a:t>
            </a:r>
            <a:endParaRPr dirty="0" lang="en-NO" sz="2400"/>
          </a:p>
        </p:txBody>
      </p:sp>
      <p:sp>
        <p:nvSpPr>
          <p:cNvPr id="31" name="Freeform: Shape 30">
            <a:extLst>
              <a:ext uri="{FF2B5EF4-FFF2-40B4-BE49-F238E27FC236}">
                <a16:creationId xmlns:a16="http://schemas.microsoft.com/office/drawing/2014/main" id="{E49718F0-98B4-A4C1-A7B1-B4592462E1D7}"/>
              </a:ext>
            </a:extLst>
          </p:cNvPr>
          <p:cNvSpPr/>
          <p:nvPr/>
        </p:nvSpPr>
        <p:spPr>
          <a:xfrm>
            <a:off x="0" y="0"/>
            <a:ext cx="12192000" cy="6858000"/>
          </a:xfrm>
          <a:custGeom>
            <a:avLst/>
            <a:gdLst>
              <a:gd fmla="*/ 4552515 w 12192000" name="connsiteX0"/>
              <a:gd fmla="*/ 2030819 h 6858000" name="connsiteY0"/>
              <a:gd fmla="*/ 4354033 w 12192000" name="connsiteX1"/>
              <a:gd fmla="*/ 2229300 h 6858000" name="connsiteY1"/>
              <a:gd fmla="*/ 4354033 w 12192000" name="connsiteX2"/>
              <a:gd fmla="*/ 4012012 h 6858000" name="connsiteY2"/>
              <a:gd fmla="*/ 4552515 w 12192000" name="connsiteX3"/>
              <a:gd fmla="*/ 4210493 h 6858000" name="connsiteY3"/>
              <a:gd fmla="*/ 7674927 w 12192000" name="connsiteX4"/>
              <a:gd fmla="*/ 4210493 h 6858000" name="connsiteY4"/>
              <a:gd fmla="*/ 7873408 w 12192000" name="connsiteX5"/>
              <a:gd fmla="*/ 4012012 h 6858000" name="connsiteY5"/>
              <a:gd fmla="*/ 7873408 w 12192000" name="connsiteX6"/>
              <a:gd fmla="*/ 2229300 h 6858000" name="connsiteY6"/>
              <a:gd fmla="*/ 7674927 w 12192000" name="connsiteX7"/>
              <a:gd fmla="*/ 2030819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4552515" y="2030819"/>
                </a:moveTo>
                <a:cubicBezTo>
                  <a:pt x="4442896" y="2030819"/>
                  <a:pt x="4354033" y="2119682"/>
                  <a:pt x="4354033" y="2229300"/>
                </a:cubicBezTo>
                <a:lnTo>
                  <a:pt x="4354033" y="4012012"/>
                </a:lnTo>
                <a:cubicBezTo>
                  <a:pt x="4354033" y="4121630"/>
                  <a:pt x="4442896" y="4210493"/>
                  <a:pt x="4552515" y="4210493"/>
                </a:cubicBezTo>
                <a:lnTo>
                  <a:pt x="7674927" y="4210493"/>
                </a:lnTo>
                <a:cubicBezTo>
                  <a:pt x="7784545" y="4210493"/>
                  <a:pt x="7873408" y="4121630"/>
                  <a:pt x="7873408" y="4012012"/>
                </a:cubicBezTo>
                <a:lnTo>
                  <a:pt x="7873408" y="2229300"/>
                </a:lnTo>
                <a:cubicBezTo>
                  <a:pt x="7873408" y="2119682"/>
                  <a:pt x="7784545" y="2030819"/>
                  <a:pt x="7674927" y="2030819"/>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32" name="Rectangle: Rounded Corners 31">
            <a:extLst>
              <a:ext uri="{FF2B5EF4-FFF2-40B4-BE49-F238E27FC236}">
                <a16:creationId xmlns:a16="http://schemas.microsoft.com/office/drawing/2014/main" id="{F16344C0-71BF-43B8-3C58-50F1AB6265AD}"/>
              </a:ext>
            </a:extLst>
          </p:cNvPr>
          <p:cNvSpPr/>
          <p:nvPr/>
        </p:nvSpPr>
        <p:spPr>
          <a:xfrm>
            <a:off x="8090214" y="2059204"/>
            <a:ext cx="3722129" cy="217787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2070f5bdffeb7fb383ffb475c9e9bdc">
            <a:pPr indent="-342900" marL="342900">
              <a:buClr>
                <a:schemeClr val="accent1"/>
              </a:buClr>
              <a:buFont charset="0" panose="020B0604020202020204" pitchFamily="34" typeface="Arial"/>
              <a:buChar char="•"/>
            </a:pPr>
            <a:r>
              <a:rPr lang="en-US" sz="2400">
                <a:solidFill>
                  <a:schemeClr val="tx1"/>
                </a:solidFill>
              </a:rPr>
              <a:t>Visualiser et modifier un objet de métadonnées</a:t>
            </a:r>
            <a:endParaRPr lang="es-ES" sz="2400"/>
          </a:p>
        </p:txBody>
      </p:sp>
      <p:grpSp>
        <p:nvGrpSpPr>
          <p:cNvPr id="33" name="Group 32">
            <a:extLst>
              <a:ext uri="{FF2B5EF4-FFF2-40B4-BE49-F238E27FC236}">
                <a16:creationId xmlns:a16="http://schemas.microsoft.com/office/drawing/2014/main" id="{C495A1FF-D71D-3274-0F17-1B621282689E}"/>
              </a:ext>
            </a:extLst>
          </p:cNvPr>
          <p:cNvGrpSpPr/>
          <p:nvPr/>
        </p:nvGrpSpPr>
        <p:grpSpPr>
          <a:xfrm>
            <a:off x="1642256" y="2502810"/>
            <a:ext cx="2170117" cy="1663777"/>
            <a:chOff x="5042099" y="2205086"/>
            <a:chExt cx="2170117" cy="1663777"/>
          </a:xfrm>
        </p:grpSpPr>
        <p:grpSp>
          <p:nvGrpSpPr>
            <p:cNvPr id="34" name="Group 33">
              <a:extLst>
                <a:ext uri="{FF2B5EF4-FFF2-40B4-BE49-F238E27FC236}">
                  <a16:creationId xmlns:a16="http://schemas.microsoft.com/office/drawing/2014/main" id="{D30B2726-4389-3CC3-0E3E-D9FB8E79F811}"/>
                </a:ext>
              </a:extLst>
            </p:cNvPr>
            <p:cNvGrpSpPr/>
            <p:nvPr/>
          </p:nvGrpSpPr>
          <p:grpSpPr>
            <a:xfrm>
              <a:off x="5042099" y="2205086"/>
              <a:ext cx="1663776" cy="1663777"/>
              <a:chOff x="4939393" y="2097225"/>
              <a:chExt cx="1584048" cy="1584049"/>
            </a:xfrm>
          </p:grpSpPr>
          <p:sp>
            <p:nvSpPr>
              <p:cNvPr id="39" name="Freeform: Shape 38">
                <a:extLst>
                  <a:ext uri="{FF2B5EF4-FFF2-40B4-BE49-F238E27FC236}">
                    <a16:creationId xmlns:a16="http://schemas.microsoft.com/office/drawing/2014/main" id="{A3F3D978-41CF-F396-4C25-043875C4F882}"/>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40" name="Group 39">
                <a:extLst>
                  <a:ext uri="{FF2B5EF4-FFF2-40B4-BE49-F238E27FC236}">
                    <a16:creationId xmlns:a16="http://schemas.microsoft.com/office/drawing/2014/main" id="{978664F1-AE7D-CDBC-4D80-6DA0C346DAC6}"/>
                  </a:ext>
                </a:extLst>
              </p:cNvPr>
              <p:cNvGrpSpPr/>
              <p:nvPr/>
            </p:nvGrpSpPr>
            <p:grpSpPr>
              <a:xfrm>
                <a:off x="5192227" y="2369148"/>
                <a:ext cx="1078380" cy="1040202"/>
                <a:chOff x="3448859" y="1386457"/>
                <a:chExt cx="1078380" cy="1040202"/>
              </a:xfrm>
            </p:grpSpPr>
            <p:sp>
              <p:nvSpPr>
                <p:cNvPr id="41" name="Freeform: Shape 40">
                  <a:extLst>
                    <a:ext uri="{FF2B5EF4-FFF2-40B4-BE49-F238E27FC236}">
                      <a16:creationId xmlns:a16="http://schemas.microsoft.com/office/drawing/2014/main" id="{61579B60-387B-D5AD-9A34-9F088F241D3D}"/>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42" name="Freeform: Shape 41">
                  <a:extLst>
                    <a:ext uri="{FF2B5EF4-FFF2-40B4-BE49-F238E27FC236}">
                      <a16:creationId xmlns:a16="http://schemas.microsoft.com/office/drawing/2014/main" id="{966DBC37-DB21-2C61-854B-2A65F8597C21}"/>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35" name="Freeform: Shape 34">
              <a:extLst>
                <a:ext uri="{FF2B5EF4-FFF2-40B4-BE49-F238E27FC236}">
                  <a16:creationId xmlns:a16="http://schemas.microsoft.com/office/drawing/2014/main" id="{12D24BF3-F0CE-FC53-BD20-CFAB153CEC06}"/>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36" name="Graphic 30">
              <a:extLst>
                <a:ext uri="{FF2B5EF4-FFF2-40B4-BE49-F238E27FC236}">
                  <a16:creationId xmlns:a16="http://schemas.microsoft.com/office/drawing/2014/main" id="{BE54CBFA-DEF1-8E19-7F0C-37CC8BFC20F4}"/>
                </a:ext>
              </a:extLst>
            </p:cNvPr>
            <p:cNvGrpSpPr/>
            <p:nvPr/>
          </p:nvGrpSpPr>
          <p:grpSpPr>
            <a:xfrm>
              <a:off x="6382743" y="2556395"/>
              <a:ext cx="829473" cy="829474"/>
              <a:chOff x="5945741" y="2242429"/>
              <a:chExt cx="1307468" cy="1307469"/>
            </a:xfrm>
          </p:grpSpPr>
          <p:sp>
            <p:nvSpPr>
              <p:cNvPr id="37" name="Freeform: Shape 36">
                <a:extLst>
                  <a:ext uri="{FF2B5EF4-FFF2-40B4-BE49-F238E27FC236}">
                    <a16:creationId xmlns:a16="http://schemas.microsoft.com/office/drawing/2014/main" id="{B09FBAC0-6700-B540-8D03-DD576B8888FB}"/>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CCADBED1-8879-F698-EAA2-5281FA064A80}"/>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43" name="userbox">
            <a:extLst>
              <a:ext uri="{FF2B5EF4-FFF2-40B4-BE49-F238E27FC236}">
                <a16:creationId xmlns:a16="http://schemas.microsoft.com/office/drawing/2014/main" id="{D11232D3-2AF2-8CAA-B0F9-6491FABE3AC7}"/>
              </a:ext>
            </a:extLst>
          </p:cNvPr>
          <p:cNvSpPr/>
          <p:nvPr/>
        </p:nvSpPr>
        <p:spPr>
          <a:xfrm>
            <a:off x="1209211" y="1739164"/>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spTree>
    <p:custDataLst>
      <p:tags r:id="rId1"/>
    </p:custDataLst>
    <p:extLst>
      <p:ext uri="{BB962C8B-B14F-4D97-AF65-F5344CB8AC3E}">
        <p14:creationId xmlns:p14="http://schemas.microsoft.com/office/powerpoint/2010/main" val="3130536156"/>
      </p:ext>
    </p:extLst>
  </p:cSld>
  <p:clrMapOvr>
    <a:masterClrMapping/>
  </p:clrMapOvr>
  <mc:AlternateContent xmlns:mc="http://schemas.openxmlformats.org/markup-compatibility/2006" xmlns:p14="http://schemas.microsoft.com/office/powerpoint/2010/main">
    <mc:Choice Requires="p14">
      <p:transition advTm="18241" p14:dur="2000" spd="slow"/>
    </mc:Choice>
    <mc:Fallback xmlns="">
      <p:transition advTm="18241"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1"/>
                                        </p:tgtEl>
                                        <p:attrNameLst>
                                          <p:attrName>style.visibility</p:attrName>
                                        </p:attrNameLst>
                                      </p:cBhvr>
                                      <p:to>
                                        <p:strVal val="visible"/>
                                      </p:to>
                                    </p:set>
                                    <p:animEffect filter="fade" transition="in">
                                      <p:cBhvr>
                                        <p:cTn dur="500" id="7"/>
                                        <p:tgtEl>
                                          <p:spTgt spid="31"/>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2">
                                            <p:bg/>
                                          </p:spTgt>
                                        </p:tgtEl>
                                        <p:attrNameLst>
                                          <p:attrName>style.visibility</p:attrName>
                                        </p:attrNameLst>
                                      </p:cBhvr>
                                      <p:to>
                                        <p:strVal val="visible"/>
                                      </p:to>
                                    </p:set>
                                    <p:animEffect filter="fade" transition="in">
                                      <p:cBhvr>
                                        <p:cTn dur="500" id="12"/>
                                        <p:tgtEl>
                                          <p:spTgt spid="32">
                                            <p:bg/>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2">
                                            <p:txEl>
                                              <p:pRg end="0" st="0"/>
                                            </p:txEl>
                                          </p:spTgt>
                                        </p:tgtEl>
                                        <p:attrNameLst>
                                          <p:attrName>style.visibility</p:attrName>
                                        </p:attrNameLst>
                                      </p:cBhvr>
                                      <p:to>
                                        <p:strVal val="visible"/>
                                      </p:to>
                                    </p:set>
                                    <p:animEffect filter="fade" transition="in">
                                      <p:cBhvr>
                                        <p:cTn dur="500" id="17"/>
                                        <p:tgtEl>
                                          <p:spTgt spid="3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53" presetSubtype="16">
                                  <p:stCondLst>
                                    <p:cond delay="0"/>
                                  </p:stCondLst>
                                  <p:childTnLst>
                                    <p:set>
                                      <p:cBhvr>
                                        <p:cTn dur="1" fill="hold" id="21">
                                          <p:stCondLst>
                                            <p:cond delay="0"/>
                                          </p:stCondLst>
                                        </p:cTn>
                                        <p:tgtEl>
                                          <p:spTgt spid="43"/>
                                        </p:tgtEl>
                                        <p:attrNameLst>
                                          <p:attrName>style.visibility</p:attrName>
                                        </p:attrNameLst>
                                      </p:cBhvr>
                                      <p:to>
                                        <p:strVal val="visible"/>
                                      </p:to>
                                    </p:set>
                                    <p:anim calcmode="lin" valueType="num">
                                      <p:cBhvr>
                                        <p:cTn dur="500" fill="hold" id="22"/>
                                        <p:tgtEl>
                                          <p:spTgt spid="43"/>
                                        </p:tgtEl>
                                        <p:attrNameLst>
                                          <p:attrName>ppt_w</p:attrName>
                                        </p:attrNameLst>
                                      </p:cBhvr>
                                      <p:tavLst>
                                        <p:tav tm="0">
                                          <p:val>
                                            <p:fltVal val="0"/>
                                          </p:val>
                                        </p:tav>
                                        <p:tav tm="100000">
                                          <p:val>
                                            <p:strVal val="#ppt_w"/>
                                          </p:val>
                                        </p:tav>
                                      </p:tavLst>
                                    </p:anim>
                                    <p:anim calcmode="lin" valueType="num">
                                      <p:cBhvr>
                                        <p:cTn dur="500" fill="hold" id="23"/>
                                        <p:tgtEl>
                                          <p:spTgt spid="43"/>
                                        </p:tgtEl>
                                        <p:attrNameLst>
                                          <p:attrName>ppt_h</p:attrName>
                                        </p:attrNameLst>
                                      </p:cBhvr>
                                      <p:tavLst>
                                        <p:tav tm="0">
                                          <p:val>
                                            <p:fltVal val="0"/>
                                          </p:val>
                                        </p:tav>
                                        <p:tav tm="100000">
                                          <p:val>
                                            <p:strVal val="#ppt_h"/>
                                          </p:val>
                                        </p:tav>
                                      </p:tavLst>
                                    </p:anim>
                                    <p:animEffect filter="fade" transition="in">
                                      <p:cBhvr>
                                        <p:cTn dur="500" id="24"/>
                                        <p:tgtEl>
                                          <p:spTgt spid="43"/>
                                        </p:tgtEl>
                                      </p:cBhvr>
                                    </p:animEffect>
                                  </p:childTnLst>
                                </p:cTn>
                              </p:par>
                              <p:par>
                                <p:cTn fill="hold" id="25" nodeType="withEffect" presetClass="entr" presetID="53" presetSubtype="16">
                                  <p:stCondLst>
                                    <p:cond delay="0"/>
                                  </p:stCondLst>
                                  <p:childTnLst>
                                    <p:set>
                                      <p:cBhvr>
                                        <p:cTn dur="1" fill="hold" id="26">
                                          <p:stCondLst>
                                            <p:cond delay="0"/>
                                          </p:stCondLst>
                                        </p:cTn>
                                        <p:tgtEl>
                                          <p:spTgt spid="33"/>
                                        </p:tgtEl>
                                        <p:attrNameLst>
                                          <p:attrName>style.visibility</p:attrName>
                                        </p:attrNameLst>
                                      </p:cBhvr>
                                      <p:to>
                                        <p:strVal val="visible"/>
                                      </p:to>
                                    </p:set>
                                    <p:anim calcmode="lin" valueType="num">
                                      <p:cBhvr>
                                        <p:cTn dur="500" fill="hold" id="27"/>
                                        <p:tgtEl>
                                          <p:spTgt spid="33"/>
                                        </p:tgtEl>
                                        <p:attrNameLst>
                                          <p:attrName>ppt_w</p:attrName>
                                        </p:attrNameLst>
                                      </p:cBhvr>
                                      <p:tavLst>
                                        <p:tav tm="0">
                                          <p:val>
                                            <p:fltVal val="0"/>
                                          </p:val>
                                        </p:tav>
                                        <p:tav tm="100000">
                                          <p:val>
                                            <p:strVal val="#ppt_w"/>
                                          </p:val>
                                        </p:tav>
                                      </p:tavLst>
                                    </p:anim>
                                    <p:anim calcmode="lin" valueType="num">
                                      <p:cBhvr>
                                        <p:cTn dur="500" fill="hold" id="28"/>
                                        <p:tgtEl>
                                          <p:spTgt spid="33"/>
                                        </p:tgtEl>
                                        <p:attrNameLst>
                                          <p:attrName>ppt_h</p:attrName>
                                        </p:attrNameLst>
                                      </p:cBhvr>
                                      <p:tavLst>
                                        <p:tav tm="0">
                                          <p:val>
                                            <p:fltVal val="0"/>
                                          </p:val>
                                        </p:tav>
                                        <p:tav tm="100000">
                                          <p:val>
                                            <p:strVal val="#ppt_h"/>
                                          </p:val>
                                        </p:tav>
                                      </p:tavLst>
                                    </p:anim>
                                    <p:animEffect filter="fade" transition="in">
                                      <p:cBhvr>
                                        <p:cTn dur="500" id="29"/>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1"/>
      <p:bldP animBg="1" build="p" grpId="0" spid="32" uiExpand="1"/>
      <p:bldP animBg="1" grpId="0" spid="43"/>
    </p:bldLst>
  </p:timing>
</p:sld>
</file>

<file path=ppt/slides/slide1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txid="b8cb31fc1889664a95eafc09ab7977ba">
            <a:r>
              <a:rPr dirty="0" lang="en-NO"/>
              <a:t>Options de partage des métadonnées</a:t>
            </a:r>
          </a:p>
        </p:txBody>
      </p:sp>
      <p:grpSp>
        <p:nvGrpSpPr>
          <p:cNvPr id="13" name="Group 12">
            <a:extLst>
              <a:ext uri="{FF2B5EF4-FFF2-40B4-BE49-F238E27FC236}">
                <a16:creationId xmlns:a16="http://schemas.microsoft.com/office/drawing/2014/main" id="{ACF61F10-32EC-9BD7-2413-85C04AE13091}"/>
              </a:ext>
            </a:extLst>
          </p:cNvPr>
          <p:cNvGrpSpPr/>
          <p:nvPr/>
        </p:nvGrpSpPr>
        <p:grpSpPr>
          <a:xfrm>
            <a:off x="4490624" y="2232754"/>
            <a:ext cx="3345403" cy="1536381"/>
            <a:chOff x="4490624" y="2232754"/>
            <a:chExt cx="3345403" cy="1536381"/>
          </a:xfrm>
        </p:grpSpPr>
        <p:sp>
          <p:nvSpPr>
            <p:cNvPr id="15" name="TextBox 14">
              <a:extLst>
                <a:ext uri="{FF2B5EF4-FFF2-40B4-BE49-F238E27FC236}">
                  <a16:creationId xmlns:a16="http://schemas.microsoft.com/office/drawing/2014/main" id="{C33F7044-A7D6-584A-F586-01B24BD7A2ED}"/>
                </a:ext>
              </a:extLst>
            </p:cNvPr>
            <p:cNvSpPr txBox="1"/>
            <p:nvPr/>
          </p:nvSpPr>
          <p:spPr>
            <a:xfrm>
              <a:off x="4490624" y="2232754"/>
              <a:ext cx="3345403" cy="461665"/>
            </a:xfrm>
            <a:prstGeom prst="rect">
              <a:avLst/>
            </a:prstGeom>
            <a:noFill/>
          </p:spPr>
          <p:txBody>
            <a:bodyPr rtlCol="0" wrap="none">
              <a:spAutoFit/>
            </a:bodyPr>
            <a:lstStyle/>
            <a:p txid="1bf14eebc42c171bdc97d46773f92669">
              <a:pPr algn="l">
                <a:buClr>
                  <a:srgbClr val="008CCF"/>
                </a:buClr>
              </a:pPr>
              <a:r>
                <a:rPr dirty="0" lang="en-US" sz="2400">
                  <a:solidFill>
                    <a:schemeClr val="accent1"/>
                  </a:solidFill>
                </a:rPr>
                <a:t>2. Peut modifier et visualiser</a:t>
              </a:r>
              <a:r>
                <a:rPr dirty="0" lang="en-US" sz="2400"/>
              </a:r>
              <a:r>
                <a:rPr dirty="0" lang="en-NO" sz="2400"/>
              </a:r>
            </a:p>
          </p:txBody>
        </p:sp>
        <p:grpSp>
          <p:nvGrpSpPr>
            <p:cNvPr id="16" name="Group 15">
              <a:extLst>
                <a:ext uri="{FF2B5EF4-FFF2-40B4-BE49-F238E27FC236}">
                  <a16:creationId xmlns:a16="http://schemas.microsoft.com/office/drawing/2014/main" id="{4102B10C-4D71-2DDC-C40A-AE96C98781F6}"/>
                </a:ext>
              </a:extLst>
            </p:cNvPr>
            <p:cNvGrpSpPr/>
            <p:nvPr/>
          </p:nvGrpSpPr>
          <p:grpSpPr>
            <a:xfrm>
              <a:off x="4989346" y="2783427"/>
              <a:ext cx="2347958" cy="985708"/>
              <a:chOff x="5187905" y="2783427"/>
              <a:chExt cx="2347958" cy="985708"/>
            </a:xfrm>
          </p:grpSpPr>
          <p:grpSp>
            <p:nvGrpSpPr>
              <p:cNvPr id="17" name="Group 16">
                <a:extLst>
                  <a:ext uri="{FF2B5EF4-FFF2-40B4-BE49-F238E27FC236}">
                    <a16:creationId xmlns:a16="http://schemas.microsoft.com/office/drawing/2014/main" id="{82A6FDF1-EB53-5348-6ED8-47B37D8A6898}"/>
                  </a:ext>
                </a:extLst>
              </p:cNvPr>
              <p:cNvGrpSpPr/>
              <p:nvPr/>
            </p:nvGrpSpPr>
            <p:grpSpPr>
              <a:xfrm>
                <a:off x="5187905" y="2783427"/>
                <a:ext cx="999631" cy="985708"/>
                <a:chOff x="5536888" y="3222942"/>
                <a:chExt cx="765075" cy="754419"/>
              </a:xfrm>
            </p:grpSpPr>
            <p:sp>
              <p:nvSpPr>
                <p:cNvPr id="19" name="Freeform 3">
                  <a:extLst>
                    <a:ext uri="{FF2B5EF4-FFF2-40B4-BE49-F238E27FC236}">
                      <a16:creationId xmlns:a16="http://schemas.microsoft.com/office/drawing/2014/main" id="{6CEEB79D-079C-B9E0-348E-271F2585047C}"/>
                    </a:ext>
                  </a:extLst>
                </p:cNvPr>
                <p:cNvSpPr/>
                <p:nvPr/>
              </p:nvSpPr>
              <p:spPr>
                <a:xfrm>
                  <a:off x="6143958" y="3222942"/>
                  <a:ext cx="158005" cy="157344"/>
                </a:xfrm>
                <a:custGeom>
                  <a:avLst/>
                  <a:gdLst>
                    <a:gd fmla="*/ 149063 w 158005" name="connsiteX0"/>
                    <a:gd fmla="*/ 62486 h 157344" name="connsiteY0"/>
                    <a:gd fmla="*/ 95611 w 158005" name="connsiteX1"/>
                    <a:gd fmla="*/ 9034 h 157344" name="connsiteY1"/>
                    <a:gd fmla="*/ 52699 w 158005" name="connsiteX2"/>
                    <a:gd fmla="*/ 9034 h 157344" name="connsiteY2"/>
                    <a:gd fmla="*/ 0 w 158005" name="connsiteX3"/>
                    <a:gd fmla="*/ 61733 h 157344" name="connsiteY3"/>
                    <a:gd fmla="*/ 95611 w 158005" name="connsiteX4"/>
                    <a:gd fmla="*/ 157345 h 157344" name="connsiteY4"/>
                    <a:gd fmla="*/ 148310 w 158005" name="connsiteX5"/>
                    <a:gd fmla="*/ 104645 h 157344" name="connsiteY5"/>
                    <a:gd fmla="*/ 149063 w 158005" name="connsiteX6"/>
                    <a:gd fmla="*/ 62486 h 157344"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7344" w="158005">
                      <a:moveTo>
                        <a:pt x="149063" y="62486"/>
                      </a:moveTo>
                      <a:lnTo>
                        <a:pt x="95611" y="9034"/>
                      </a:lnTo>
                      <a:cubicBezTo>
                        <a:pt x="83566" y="-3011"/>
                        <a:pt x="64745" y="-3011"/>
                        <a:pt x="52699" y="9034"/>
                      </a:cubicBezTo>
                      <a:lnTo>
                        <a:pt x="0" y="61733"/>
                      </a:lnTo>
                      <a:lnTo>
                        <a:pt x="95611" y="157345"/>
                      </a:lnTo>
                      <a:lnTo>
                        <a:pt x="148310" y="104645"/>
                      </a:lnTo>
                      <a:cubicBezTo>
                        <a:pt x="161109" y="93353"/>
                        <a:pt x="161109" y="74532"/>
                        <a:pt x="149063" y="62486"/>
                      </a:cubicBezTo>
                      <a:close/>
                    </a:path>
                  </a:pathLst>
                </a:custGeom>
                <a:solidFill>
                  <a:schemeClr val="accent2"/>
                </a:solidFill>
                <a:ln cap="flat" w="7441">
                  <a:noFill/>
                  <a:prstDash val="solid"/>
                  <a:miter/>
                </a:ln>
              </p:spPr>
              <p:txBody>
                <a:bodyPr anchor="ctr" rtlCol="0"/>
                <a:lstStyle/>
                <a:p>
                  <a:endParaRPr lang="en-NO"/>
                </a:p>
              </p:txBody>
            </p:sp>
            <p:sp>
              <p:nvSpPr>
                <p:cNvPr id="20" name="Rounded Rectangle 4">
                  <a:extLst>
                    <a:ext uri="{FF2B5EF4-FFF2-40B4-BE49-F238E27FC236}">
                      <a16:creationId xmlns:a16="http://schemas.microsoft.com/office/drawing/2014/main" id="{DF73C106-6D68-7402-D1AC-EEEA4461E114}"/>
                    </a:ext>
                  </a:extLst>
                </p:cNvPr>
                <p:cNvSpPr/>
                <p:nvPr/>
              </p:nvSpPr>
              <p:spPr>
                <a:xfrm>
                  <a:off x="5536888" y="3377719"/>
                  <a:ext cx="607070" cy="599642"/>
                </a:xfrm>
                <a:prstGeom prst="roundRect">
                  <a:avLst/>
                </a:prstGeom>
                <a:noFill/>
                <a:ln w="114300">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n-NO"/>
                </a:p>
              </p:txBody>
            </p:sp>
            <p:sp>
              <p:nvSpPr>
                <p:cNvPr id="21" name="Freeform 5">
                  <a:extLst>
                    <a:ext uri="{FF2B5EF4-FFF2-40B4-BE49-F238E27FC236}">
                      <a16:creationId xmlns:a16="http://schemas.microsoft.com/office/drawing/2014/main" id="{22EC26EF-7D1C-3810-5EC9-8F4D353352FD}"/>
                    </a:ext>
                  </a:extLst>
                </p:cNvPr>
                <p:cNvSpPr/>
                <p:nvPr/>
              </p:nvSpPr>
              <p:spPr>
                <a:xfrm>
                  <a:off x="5699027" y="3305755"/>
                  <a:ext cx="520215" cy="520215"/>
                </a:xfrm>
                <a:custGeom>
                  <a:avLst/>
                  <a:gdLst>
                    <a:gd fmla="*/ 127984 w 520215" name="connsiteX0"/>
                    <a:gd fmla="*/ 392985 h 520215" name="connsiteY0"/>
                    <a:gd fmla="*/ 127984 w 520215" name="connsiteX1"/>
                    <a:gd fmla="*/ 446437 h 520215" name="connsiteY1"/>
                    <a:gd fmla="*/ 63992 w 520215" name="connsiteX2"/>
                    <a:gd fmla="*/ 467517 h 520215" name="connsiteY2"/>
                    <a:gd fmla="*/ 52699 w 520215" name="connsiteX3"/>
                    <a:gd fmla="*/ 456224 h 520215" name="connsiteY3"/>
                    <a:gd fmla="*/ 73779 w 520215" name="connsiteX4"/>
                    <a:gd fmla="*/ 392232 h 520215" name="connsiteY4"/>
                    <a:gd fmla="*/ 127984 w 520215" name="connsiteX5"/>
                    <a:gd fmla="*/ 392985 h 520215" name="connsiteY5"/>
                    <a:gd fmla="*/ 423852 w 520215" name="connsiteX6"/>
                    <a:gd fmla="*/ 0 h 520215" name="connsiteY6"/>
                    <a:gd fmla="*/ 47429 w 520215" name="connsiteX7"/>
                    <a:gd fmla="*/ 377175 h 520215" name="connsiteY7"/>
                    <a:gd fmla="*/ 0 w 520215" name="connsiteX8"/>
                    <a:gd fmla="*/ 520216 h 520215" name="connsiteY8"/>
                    <a:gd fmla="*/ 143793 w 520215" name="connsiteX9"/>
                    <a:gd fmla="*/ 472787 h 520215" name="connsiteY9"/>
                    <a:gd fmla="*/ 520216 w 520215" name="connsiteX10"/>
                    <a:gd fmla="*/ 96364 h 520215"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520215" w="520215">
                      <a:moveTo>
                        <a:pt x="127984" y="392985"/>
                      </a:moveTo>
                      <a:cubicBezTo>
                        <a:pt x="143041" y="408042"/>
                        <a:pt x="143041" y="431380"/>
                        <a:pt x="127984" y="446437"/>
                      </a:cubicBezTo>
                      <a:lnTo>
                        <a:pt x="63992" y="467517"/>
                      </a:lnTo>
                      <a:lnTo>
                        <a:pt x="52699" y="456224"/>
                      </a:lnTo>
                      <a:lnTo>
                        <a:pt x="73779" y="392232"/>
                      </a:lnTo>
                      <a:cubicBezTo>
                        <a:pt x="89589" y="377928"/>
                        <a:pt x="112927" y="377928"/>
                        <a:pt x="127984" y="392985"/>
                      </a:cubicBezTo>
                      <a:close/>
                      <a:moveTo>
                        <a:pt x="423852" y="0"/>
                      </a:moveTo>
                      <a:lnTo>
                        <a:pt x="47429" y="377175"/>
                      </a:lnTo>
                      <a:lnTo>
                        <a:pt x="0" y="520216"/>
                      </a:lnTo>
                      <a:lnTo>
                        <a:pt x="143793" y="472787"/>
                      </a:lnTo>
                      <a:lnTo>
                        <a:pt x="520216" y="96364"/>
                      </a:lnTo>
                    </a:path>
                  </a:pathLst>
                </a:custGeom>
                <a:solidFill>
                  <a:schemeClr val="tx2"/>
                </a:solidFill>
                <a:ln cap="flat" w="7441">
                  <a:noFill/>
                  <a:prstDash val="solid"/>
                  <a:miter/>
                </a:ln>
              </p:spPr>
              <p:txBody>
                <a:bodyPr anchor="ctr" rtlCol="0"/>
                <a:lstStyle/>
                <a:p>
                  <a:endParaRPr dirty="0" lang="en-NO">
                    <a:solidFill>
                      <a:schemeClr val="tx2"/>
                    </a:solidFill>
                  </a:endParaRPr>
                </a:p>
              </p:txBody>
            </p:sp>
          </p:grpSp>
          <p:pic>
            <p:nvPicPr>
              <p:cNvPr id="18" name="Picture 17">
                <a:extLst>
                  <a:ext uri="{FF2B5EF4-FFF2-40B4-BE49-F238E27FC236}">
                    <a16:creationId xmlns:a16="http://schemas.microsoft.com/office/drawing/2014/main" id="{47792CDA-EF6B-09D1-B4F3-37D9A3DB6B62}"/>
                  </a:ext>
                </a:extLst>
              </p:cNvPr>
              <p:cNvPicPr>
                <a:picLocks noChangeAspect="1"/>
              </p:cNvPicPr>
              <p:nvPr/>
            </p:nvPicPr>
            <p:blipFill>
              <a:blip r:embed="rId4"/>
              <a:stretch>
                <a:fillRect/>
              </a:stretch>
            </p:blipFill>
            <p:spPr>
              <a:xfrm>
                <a:off x="6249832" y="2917786"/>
                <a:ext cx="1286031" cy="716991"/>
              </a:xfrm>
              <a:prstGeom prst="rect">
                <a:avLst/>
              </a:prstGeom>
            </p:spPr>
          </p:pic>
        </p:grpSp>
      </p:grpSp>
      <p:grpSp>
        <p:nvGrpSpPr>
          <p:cNvPr id="22" name="Group 21">
            <a:extLst>
              <a:ext uri="{FF2B5EF4-FFF2-40B4-BE49-F238E27FC236}">
                <a16:creationId xmlns:a16="http://schemas.microsoft.com/office/drawing/2014/main" id="{EBD6993D-67A1-D72F-DD0D-D0A59B6EDF69}"/>
              </a:ext>
            </a:extLst>
          </p:cNvPr>
          <p:cNvGrpSpPr/>
          <p:nvPr/>
        </p:nvGrpSpPr>
        <p:grpSpPr>
          <a:xfrm>
            <a:off x="8331859" y="2232754"/>
            <a:ext cx="2705805" cy="1402023"/>
            <a:chOff x="8331859" y="2232754"/>
            <a:chExt cx="2705805" cy="1402023"/>
          </a:xfrm>
        </p:grpSpPr>
        <p:sp>
          <p:nvSpPr>
            <p:cNvPr id="23" name="TextBox 22">
              <a:extLst>
                <a:ext uri="{FF2B5EF4-FFF2-40B4-BE49-F238E27FC236}">
                  <a16:creationId xmlns:a16="http://schemas.microsoft.com/office/drawing/2014/main" id="{0011E9A9-C8FE-4130-4473-1EB2CF0DAEDB}"/>
                </a:ext>
              </a:extLst>
            </p:cNvPr>
            <p:cNvSpPr txBox="1"/>
            <p:nvPr/>
          </p:nvSpPr>
          <p:spPr>
            <a:xfrm>
              <a:off x="8331859" y="2232754"/>
              <a:ext cx="2705805" cy="461665"/>
            </a:xfrm>
            <a:prstGeom prst="rect">
              <a:avLst/>
            </a:prstGeom>
            <a:noFill/>
          </p:spPr>
          <p:txBody>
            <a:bodyPr rtlCol="0" wrap="none">
              <a:spAutoFit/>
            </a:bodyPr>
            <a:lstStyle/>
            <a:p txid="fd5ae14c60dba261556df79c70d8848d">
              <a:pPr algn="l">
                <a:buClr>
                  <a:srgbClr val="008CCF"/>
                </a:buClr>
              </a:pPr>
              <a:r>
                <a:rPr dirty="0" lang="en-US" sz="2400">
                  <a:solidFill>
                    <a:schemeClr val="accent1"/>
                  </a:solidFill>
                </a:rPr>
                <a:t>3. Peut visualiser uniquement</a:t>
              </a:r>
              <a:r>
                <a:rPr dirty="0" lang="en-US" sz="2400"/>
              </a:r>
              <a:r>
                <a:rPr dirty="0" lang="en-NO" sz="2400"/>
              </a:r>
            </a:p>
          </p:txBody>
        </p:sp>
        <p:pic>
          <p:nvPicPr>
            <p:cNvPr id="24" name="Picture 23">
              <a:extLst>
                <a:ext uri="{FF2B5EF4-FFF2-40B4-BE49-F238E27FC236}">
                  <a16:creationId xmlns:a16="http://schemas.microsoft.com/office/drawing/2014/main" id="{4B3A106C-3625-416D-3F52-8E8AFF5E68F2}"/>
                </a:ext>
              </a:extLst>
            </p:cNvPr>
            <p:cNvPicPr>
              <a:picLocks noChangeAspect="1"/>
            </p:cNvPicPr>
            <p:nvPr/>
          </p:nvPicPr>
          <p:blipFill>
            <a:blip r:embed="rId4"/>
            <a:stretch>
              <a:fillRect/>
            </a:stretch>
          </p:blipFill>
          <p:spPr>
            <a:xfrm>
              <a:off x="9041746" y="2917786"/>
              <a:ext cx="1286031" cy="716991"/>
            </a:xfrm>
            <a:prstGeom prst="rect">
              <a:avLst/>
            </a:prstGeom>
          </p:spPr>
        </p:pic>
      </p:grpSp>
      <p:grpSp>
        <p:nvGrpSpPr>
          <p:cNvPr id="25" name="Group 24">
            <a:extLst>
              <a:ext uri="{FF2B5EF4-FFF2-40B4-BE49-F238E27FC236}">
                <a16:creationId xmlns:a16="http://schemas.microsoft.com/office/drawing/2014/main" id="{7F24E57A-8FD8-C329-A5F3-47BF488392EF}"/>
              </a:ext>
            </a:extLst>
          </p:cNvPr>
          <p:cNvGrpSpPr/>
          <p:nvPr/>
        </p:nvGrpSpPr>
        <p:grpSpPr>
          <a:xfrm>
            <a:off x="1451644" y="2232754"/>
            <a:ext cx="2146742" cy="1604453"/>
            <a:chOff x="1451644" y="2232754"/>
            <a:chExt cx="2146742" cy="1604453"/>
          </a:xfrm>
        </p:grpSpPr>
        <p:sp>
          <p:nvSpPr>
            <p:cNvPr id="26" name="TextBox 25">
              <a:extLst>
                <a:ext uri="{FF2B5EF4-FFF2-40B4-BE49-F238E27FC236}">
                  <a16:creationId xmlns:a16="http://schemas.microsoft.com/office/drawing/2014/main" id="{9ACD5F31-274D-CD2C-0360-27F2008F320A}"/>
                </a:ext>
              </a:extLst>
            </p:cNvPr>
            <p:cNvSpPr txBox="1"/>
            <p:nvPr/>
          </p:nvSpPr>
          <p:spPr>
            <a:xfrm>
              <a:off x="1451644" y="2232754"/>
              <a:ext cx="2146742" cy="461665"/>
            </a:xfrm>
            <a:prstGeom prst="rect">
              <a:avLst/>
            </a:prstGeom>
            <a:noFill/>
          </p:spPr>
          <p:txBody>
            <a:bodyPr rtlCol="0" wrap="none">
              <a:spAutoFit/>
            </a:bodyPr>
            <a:lstStyle/>
            <a:p txid="7b1b7bfc20ac3a6b3a8dc64599f8d0f1">
              <a:pPr algn="l" indent="-457200" marL="457200">
                <a:buClr>
                  <a:srgbClr val="008CCF"/>
                </a:buClr>
                <a:buFont typeface="+mj-lt"/>
                <a:buAutoNum type="arabicPeriod"/>
              </a:pPr>
              <a:r>
                <a:rPr dirty="0" lang="en-NO" sz="2400"/>
                <a:t>Pas d'accès</a:t>
              </a:r>
            </a:p>
          </p:txBody>
        </p:sp>
        <p:pic>
          <p:nvPicPr>
            <p:cNvPr descr="No sign with solid fill" id="27" name="Graphic 26">
              <a:extLst>
                <a:ext uri="{FF2B5EF4-FFF2-40B4-BE49-F238E27FC236}">
                  <a16:creationId xmlns:a16="http://schemas.microsoft.com/office/drawing/2014/main" id="{3E30250F-3A55-83BD-3EA7-AF042574B573}"/>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64089" y="2715355"/>
              <a:ext cx="1121852" cy="1121852"/>
            </a:xfrm>
            <a:prstGeom prst="rect">
              <a:avLst/>
            </a:prstGeom>
          </p:spPr>
        </p:pic>
      </p:grpSp>
      <p:sp>
        <p:nvSpPr>
          <p:cNvPr id="28" name="!!sharingbox">
            <a:extLst>
              <a:ext uri="{FF2B5EF4-FFF2-40B4-BE49-F238E27FC236}">
                <a16:creationId xmlns:a16="http://schemas.microsoft.com/office/drawing/2014/main" id="{6BAC82F2-0913-3226-B5F3-15EDFF13AA28}"/>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ef9fb0ac3aac959eb3053572a5390a70">
            <a:pPr algn="ctr"/>
            <a:r>
              <a:rPr lang="es-ES" sz="2400"/>
              <a:t>Métadonnées</a:t>
            </a:r>
            <a:endParaRPr dirty="0" lang="en-NO" sz="2400"/>
          </a:p>
        </p:txBody>
      </p:sp>
      <p:sp>
        <p:nvSpPr>
          <p:cNvPr id="31" name="Freeform: Shape 30">
            <a:extLst>
              <a:ext uri="{FF2B5EF4-FFF2-40B4-BE49-F238E27FC236}">
                <a16:creationId xmlns:a16="http://schemas.microsoft.com/office/drawing/2014/main" id="{07E80751-1AAD-F1A6-F552-B5013DD19F84}"/>
              </a:ext>
            </a:extLst>
          </p:cNvPr>
          <p:cNvSpPr/>
          <p:nvPr/>
        </p:nvSpPr>
        <p:spPr>
          <a:xfrm>
            <a:off x="0" y="0"/>
            <a:ext cx="12192000" cy="6858000"/>
          </a:xfrm>
          <a:custGeom>
            <a:avLst/>
            <a:gdLst>
              <a:gd fmla="*/ 8396183 w 12192000" name="connsiteX0"/>
              <a:gd fmla="*/ 2030819 h 6858000" name="connsiteY0"/>
              <a:gd fmla="*/ 8197702 w 12192000" name="connsiteX1"/>
              <a:gd fmla="*/ 2229300 h 6858000" name="connsiteY1"/>
              <a:gd fmla="*/ 8197702 w 12192000" name="connsiteX2"/>
              <a:gd fmla="*/ 4012012 h 6858000" name="connsiteY2"/>
              <a:gd fmla="*/ 8396183 w 12192000" name="connsiteX3"/>
              <a:gd fmla="*/ 4210493 h 6858000" name="connsiteY3"/>
              <a:gd fmla="*/ 10928491 w 12192000" name="connsiteX4"/>
              <a:gd fmla="*/ 4210493 h 6858000" name="connsiteY4"/>
              <a:gd fmla="*/ 11126972 w 12192000" name="connsiteX5"/>
              <a:gd fmla="*/ 4012012 h 6858000" name="connsiteY5"/>
              <a:gd fmla="*/ 11126972 w 12192000" name="connsiteX6"/>
              <a:gd fmla="*/ 2229300 h 6858000" name="connsiteY6"/>
              <a:gd fmla="*/ 10928491 w 12192000" name="connsiteX7"/>
              <a:gd fmla="*/ 2030819 h 6858000" name="connsiteY7"/>
              <a:gd fmla="*/ 0 w 12192000" name="connsiteX8"/>
              <a:gd fmla="*/ 0 h 6858000" name="connsiteY8"/>
              <a:gd fmla="*/ 12192000 w 12192000" name="connsiteX9"/>
              <a:gd fmla="*/ 0 h 6858000" name="connsiteY9"/>
              <a:gd fmla="*/ 12192000 w 12192000" name="connsiteX10"/>
              <a:gd fmla="*/ 6858000 h 6858000" name="connsiteY10"/>
              <a:gd fmla="*/ 0 w 12192000"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192000">
                <a:moveTo>
                  <a:pt x="8396183" y="2030819"/>
                </a:moveTo>
                <a:cubicBezTo>
                  <a:pt x="8286565" y="2030819"/>
                  <a:pt x="8197702" y="2119682"/>
                  <a:pt x="8197702" y="2229300"/>
                </a:cubicBezTo>
                <a:lnTo>
                  <a:pt x="8197702" y="4012012"/>
                </a:lnTo>
                <a:cubicBezTo>
                  <a:pt x="8197702" y="4121630"/>
                  <a:pt x="8286565" y="4210493"/>
                  <a:pt x="8396183" y="4210493"/>
                </a:cubicBezTo>
                <a:lnTo>
                  <a:pt x="10928491" y="4210493"/>
                </a:lnTo>
                <a:cubicBezTo>
                  <a:pt x="11038109" y="4210493"/>
                  <a:pt x="11126972" y="4121630"/>
                  <a:pt x="11126972" y="4012012"/>
                </a:cubicBezTo>
                <a:lnTo>
                  <a:pt x="11126972" y="2229300"/>
                </a:lnTo>
                <a:cubicBezTo>
                  <a:pt x="11126972" y="2119682"/>
                  <a:pt x="11038109" y="2030819"/>
                  <a:pt x="10928491" y="2030819"/>
                </a:cubicBezTo>
                <a:close/>
                <a:moveTo>
                  <a:pt x="0" y="0"/>
                </a:moveTo>
                <a:lnTo>
                  <a:pt x="12192000" y="0"/>
                </a:lnTo>
                <a:lnTo>
                  <a:pt x="12192000"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32" name="Rectangle: Rounded Corners 31">
            <a:extLst>
              <a:ext uri="{FF2B5EF4-FFF2-40B4-BE49-F238E27FC236}">
                <a16:creationId xmlns:a16="http://schemas.microsoft.com/office/drawing/2014/main" id="{FF4A18E7-FF6E-8A37-861D-258A4AA37613}"/>
              </a:ext>
            </a:extLst>
          </p:cNvPr>
          <p:cNvSpPr/>
          <p:nvPr/>
        </p:nvSpPr>
        <p:spPr>
          <a:xfrm>
            <a:off x="3897091" y="2011357"/>
            <a:ext cx="4059110" cy="2177870"/>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b65f9ae2eaeaf9a7bdc6abb5ef4ed28">
            <a:pPr indent="-342900" marL="342900">
              <a:buClr>
                <a:schemeClr val="accent1"/>
              </a:buClr>
              <a:buFont charset="0" panose="020B0604020202020204" pitchFamily="34" typeface="Arial"/>
              <a:buChar char="•"/>
            </a:pPr>
            <a:r>
              <a:rPr lang="en-US" sz="2400">
                <a:solidFill>
                  <a:schemeClr val="tx1"/>
                </a:solidFill>
              </a:rPr>
              <a:t>Visualiser une métadonnée dans diverses applications de DHIS2</a:t>
            </a:r>
            <a:endParaRPr lang="es-ES" sz="2400"/>
          </a:p>
        </p:txBody>
      </p:sp>
      <p:grpSp>
        <p:nvGrpSpPr>
          <p:cNvPr id="33" name="Group 32">
            <a:extLst>
              <a:ext uri="{FF2B5EF4-FFF2-40B4-BE49-F238E27FC236}">
                <a16:creationId xmlns:a16="http://schemas.microsoft.com/office/drawing/2014/main" id="{0C4BAE96-0270-41B6-050F-12D20C8F908E}"/>
              </a:ext>
            </a:extLst>
          </p:cNvPr>
          <p:cNvGrpSpPr/>
          <p:nvPr/>
        </p:nvGrpSpPr>
        <p:grpSpPr>
          <a:xfrm>
            <a:off x="1642256" y="2502810"/>
            <a:ext cx="2170117" cy="1663777"/>
            <a:chOff x="5042099" y="2205086"/>
            <a:chExt cx="2170117" cy="1663777"/>
          </a:xfrm>
        </p:grpSpPr>
        <p:grpSp>
          <p:nvGrpSpPr>
            <p:cNvPr id="34" name="Group 33">
              <a:extLst>
                <a:ext uri="{FF2B5EF4-FFF2-40B4-BE49-F238E27FC236}">
                  <a16:creationId xmlns:a16="http://schemas.microsoft.com/office/drawing/2014/main" id="{D3F79DAE-7760-8C42-9E63-531691351475}"/>
                </a:ext>
              </a:extLst>
            </p:cNvPr>
            <p:cNvGrpSpPr/>
            <p:nvPr/>
          </p:nvGrpSpPr>
          <p:grpSpPr>
            <a:xfrm>
              <a:off x="5042099" y="2205086"/>
              <a:ext cx="1663776" cy="1663777"/>
              <a:chOff x="4939393" y="2097225"/>
              <a:chExt cx="1584048" cy="1584049"/>
            </a:xfrm>
          </p:grpSpPr>
          <p:sp>
            <p:nvSpPr>
              <p:cNvPr id="39" name="Freeform: Shape 38">
                <a:extLst>
                  <a:ext uri="{FF2B5EF4-FFF2-40B4-BE49-F238E27FC236}">
                    <a16:creationId xmlns:a16="http://schemas.microsoft.com/office/drawing/2014/main" id="{8FC035F7-143B-3C98-4A94-A7968EACBA65}"/>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40" name="Group 39">
                <a:extLst>
                  <a:ext uri="{FF2B5EF4-FFF2-40B4-BE49-F238E27FC236}">
                    <a16:creationId xmlns:a16="http://schemas.microsoft.com/office/drawing/2014/main" id="{6B0D63F2-B2DE-0EC0-D5B2-AEA2A34A3D3B}"/>
                  </a:ext>
                </a:extLst>
              </p:cNvPr>
              <p:cNvGrpSpPr/>
              <p:nvPr/>
            </p:nvGrpSpPr>
            <p:grpSpPr>
              <a:xfrm>
                <a:off x="5192227" y="2369148"/>
                <a:ext cx="1078380" cy="1040202"/>
                <a:chOff x="3448859" y="1386457"/>
                <a:chExt cx="1078380" cy="1040202"/>
              </a:xfrm>
            </p:grpSpPr>
            <p:sp>
              <p:nvSpPr>
                <p:cNvPr id="41" name="Freeform: Shape 40">
                  <a:extLst>
                    <a:ext uri="{FF2B5EF4-FFF2-40B4-BE49-F238E27FC236}">
                      <a16:creationId xmlns:a16="http://schemas.microsoft.com/office/drawing/2014/main" id="{87562D5D-2D5E-1FC4-370F-8911D0CBF276}"/>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42" name="Freeform: Shape 41">
                  <a:extLst>
                    <a:ext uri="{FF2B5EF4-FFF2-40B4-BE49-F238E27FC236}">
                      <a16:creationId xmlns:a16="http://schemas.microsoft.com/office/drawing/2014/main" id="{02566E64-E118-4E56-7848-54ACF908915B}"/>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35" name="Freeform: Shape 34">
              <a:extLst>
                <a:ext uri="{FF2B5EF4-FFF2-40B4-BE49-F238E27FC236}">
                  <a16:creationId xmlns:a16="http://schemas.microsoft.com/office/drawing/2014/main" id="{02C03E8C-3F78-8431-0A57-43292764019C}"/>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36" name="Graphic 30">
              <a:extLst>
                <a:ext uri="{FF2B5EF4-FFF2-40B4-BE49-F238E27FC236}">
                  <a16:creationId xmlns:a16="http://schemas.microsoft.com/office/drawing/2014/main" id="{D44FE85D-B20B-C6A4-E000-65233B741385}"/>
                </a:ext>
              </a:extLst>
            </p:cNvPr>
            <p:cNvGrpSpPr/>
            <p:nvPr/>
          </p:nvGrpSpPr>
          <p:grpSpPr>
            <a:xfrm>
              <a:off x="6382743" y="2556395"/>
              <a:ext cx="829473" cy="829474"/>
              <a:chOff x="5945741" y="2242429"/>
              <a:chExt cx="1307468" cy="1307469"/>
            </a:xfrm>
          </p:grpSpPr>
          <p:sp>
            <p:nvSpPr>
              <p:cNvPr id="37" name="Freeform: Shape 36">
                <a:extLst>
                  <a:ext uri="{FF2B5EF4-FFF2-40B4-BE49-F238E27FC236}">
                    <a16:creationId xmlns:a16="http://schemas.microsoft.com/office/drawing/2014/main" id="{3FC356E5-DCC7-C6A4-7332-186C585DB365}"/>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1D0557EE-988C-3343-B256-5359A306D39B}"/>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43" name="userbox">
            <a:extLst>
              <a:ext uri="{FF2B5EF4-FFF2-40B4-BE49-F238E27FC236}">
                <a16:creationId xmlns:a16="http://schemas.microsoft.com/office/drawing/2014/main" id="{24B24EEF-1997-D55D-AE4B-0BDBC65B63C2}"/>
              </a:ext>
            </a:extLst>
          </p:cNvPr>
          <p:cNvSpPr/>
          <p:nvPr/>
        </p:nvSpPr>
        <p:spPr>
          <a:xfrm>
            <a:off x="1209211" y="1739164"/>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spTree>
    <p:custDataLst>
      <p:tags r:id="rId1"/>
    </p:custDataLst>
    <p:extLst>
      <p:ext uri="{BB962C8B-B14F-4D97-AF65-F5344CB8AC3E}">
        <p14:creationId xmlns:p14="http://schemas.microsoft.com/office/powerpoint/2010/main" val="1234759863"/>
      </p:ext>
    </p:extLst>
  </p:cSld>
  <p:clrMapOvr>
    <a:masterClrMapping/>
  </p:clrMapOvr>
  <mc:AlternateContent xmlns:mc="http://schemas.openxmlformats.org/markup-compatibility/2006" xmlns:p14="http://schemas.microsoft.com/office/powerpoint/2010/main">
    <mc:Choice Requires="p14">
      <p:transition advTm="16580" p14:dur="2000" spd="slow"/>
    </mc:Choice>
    <mc:Fallback xmlns="">
      <p:transition advTm="1658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1"/>
                                        </p:tgtEl>
                                        <p:attrNameLst>
                                          <p:attrName>style.visibility</p:attrName>
                                        </p:attrNameLst>
                                      </p:cBhvr>
                                      <p:to>
                                        <p:strVal val="visible"/>
                                      </p:to>
                                    </p:set>
                                    <p:animEffect filter="fade" transition="in">
                                      <p:cBhvr>
                                        <p:cTn dur="500" id="7"/>
                                        <p:tgtEl>
                                          <p:spTgt spid="31"/>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2">
                                            <p:bg/>
                                          </p:spTgt>
                                        </p:tgtEl>
                                        <p:attrNameLst>
                                          <p:attrName>style.visibility</p:attrName>
                                        </p:attrNameLst>
                                      </p:cBhvr>
                                      <p:to>
                                        <p:strVal val="visible"/>
                                      </p:to>
                                    </p:set>
                                    <p:animEffect filter="fade" transition="in">
                                      <p:cBhvr>
                                        <p:cTn dur="500" id="12"/>
                                        <p:tgtEl>
                                          <p:spTgt spid="32">
                                            <p:bg/>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2">
                                            <p:txEl>
                                              <p:pRg end="0" st="0"/>
                                            </p:txEl>
                                          </p:spTgt>
                                        </p:tgtEl>
                                        <p:attrNameLst>
                                          <p:attrName>style.visibility</p:attrName>
                                        </p:attrNameLst>
                                      </p:cBhvr>
                                      <p:to>
                                        <p:strVal val="visible"/>
                                      </p:to>
                                    </p:set>
                                    <p:animEffect filter="fade" transition="in">
                                      <p:cBhvr>
                                        <p:cTn dur="500" id="17"/>
                                        <p:tgtEl>
                                          <p:spTgt spid="32">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53" presetSubtype="16">
                                  <p:stCondLst>
                                    <p:cond delay="0"/>
                                  </p:stCondLst>
                                  <p:childTnLst>
                                    <p:set>
                                      <p:cBhvr>
                                        <p:cTn dur="1" fill="hold" id="21">
                                          <p:stCondLst>
                                            <p:cond delay="0"/>
                                          </p:stCondLst>
                                        </p:cTn>
                                        <p:tgtEl>
                                          <p:spTgt spid="43"/>
                                        </p:tgtEl>
                                        <p:attrNameLst>
                                          <p:attrName>style.visibility</p:attrName>
                                        </p:attrNameLst>
                                      </p:cBhvr>
                                      <p:to>
                                        <p:strVal val="visible"/>
                                      </p:to>
                                    </p:set>
                                    <p:anim calcmode="lin" valueType="num">
                                      <p:cBhvr>
                                        <p:cTn dur="500" fill="hold" id="22"/>
                                        <p:tgtEl>
                                          <p:spTgt spid="43"/>
                                        </p:tgtEl>
                                        <p:attrNameLst>
                                          <p:attrName>ppt_w</p:attrName>
                                        </p:attrNameLst>
                                      </p:cBhvr>
                                      <p:tavLst>
                                        <p:tav tm="0">
                                          <p:val>
                                            <p:fltVal val="0"/>
                                          </p:val>
                                        </p:tav>
                                        <p:tav tm="100000">
                                          <p:val>
                                            <p:strVal val="#ppt_w"/>
                                          </p:val>
                                        </p:tav>
                                      </p:tavLst>
                                    </p:anim>
                                    <p:anim calcmode="lin" valueType="num">
                                      <p:cBhvr>
                                        <p:cTn dur="500" fill="hold" id="23"/>
                                        <p:tgtEl>
                                          <p:spTgt spid="43"/>
                                        </p:tgtEl>
                                        <p:attrNameLst>
                                          <p:attrName>ppt_h</p:attrName>
                                        </p:attrNameLst>
                                      </p:cBhvr>
                                      <p:tavLst>
                                        <p:tav tm="0">
                                          <p:val>
                                            <p:fltVal val="0"/>
                                          </p:val>
                                        </p:tav>
                                        <p:tav tm="100000">
                                          <p:val>
                                            <p:strVal val="#ppt_h"/>
                                          </p:val>
                                        </p:tav>
                                      </p:tavLst>
                                    </p:anim>
                                    <p:animEffect filter="fade" transition="in">
                                      <p:cBhvr>
                                        <p:cTn dur="500" id="24"/>
                                        <p:tgtEl>
                                          <p:spTgt spid="43"/>
                                        </p:tgtEl>
                                      </p:cBhvr>
                                    </p:animEffect>
                                  </p:childTnLst>
                                </p:cTn>
                              </p:par>
                              <p:par>
                                <p:cTn fill="hold" id="25" nodeType="withEffect" presetClass="entr" presetID="53" presetSubtype="16">
                                  <p:stCondLst>
                                    <p:cond delay="0"/>
                                  </p:stCondLst>
                                  <p:childTnLst>
                                    <p:set>
                                      <p:cBhvr>
                                        <p:cTn dur="1" fill="hold" id="26">
                                          <p:stCondLst>
                                            <p:cond delay="0"/>
                                          </p:stCondLst>
                                        </p:cTn>
                                        <p:tgtEl>
                                          <p:spTgt spid="33"/>
                                        </p:tgtEl>
                                        <p:attrNameLst>
                                          <p:attrName>style.visibility</p:attrName>
                                        </p:attrNameLst>
                                      </p:cBhvr>
                                      <p:to>
                                        <p:strVal val="visible"/>
                                      </p:to>
                                    </p:set>
                                    <p:anim calcmode="lin" valueType="num">
                                      <p:cBhvr>
                                        <p:cTn dur="500" fill="hold" id="27"/>
                                        <p:tgtEl>
                                          <p:spTgt spid="33"/>
                                        </p:tgtEl>
                                        <p:attrNameLst>
                                          <p:attrName>ppt_w</p:attrName>
                                        </p:attrNameLst>
                                      </p:cBhvr>
                                      <p:tavLst>
                                        <p:tav tm="0">
                                          <p:val>
                                            <p:fltVal val="0"/>
                                          </p:val>
                                        </p:tav>
                                        <p:tav tm="100000">
                                          <p:val>
                                            <p:strVal val="#ppt_w"/>
                                          </p:val>
                                        </p:tav>
                                      </p:tavLst>
                                    </p:anim>
                                    <p:anim calcmode="lin" valueType="num">
                                      <p:cBhvr>
                                        <p:cTn dur="500" fill="hold" id="28"/>
                                        <p:tgtEl>
                                          <p:spTgt spid="33"/>
                                        </p:tgtEl>
                                        <p:attrNameLst>
                                          <p:attrName>ppt_h</p:attrName>
                                        </p:attrNameLst>
                                      </p:cBhvr>
                                      <p:tavLst>
                                        <p:tav tm="0">
                                          <p:val>
                                            <p:fltVal val="0"/>
                                          </p:val>
                                        </p:tav>
                                        <p:tav tm="100000">
                                          <p:val>
                                            <p:strVal val="#ppt_h"/>
                                          </p:val>
                                        </p:tav>
                                      </p:tavLst>
                                    </p:anim>
                                    <p:animEffect filter="fade" transition="in">
                                      <p:cBhvr>
                                        <p:cTn dur="500" id="29"/>
                                        <p:tgtEl>
                                          <p:spTgt spid="3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1"/>
      <p:bldP animBg="1" build="p" grpId="0" spid="32" uiExpand="1"/>
      <p:bldP animBg="1" grpId="0" spid="43"/>
    </p:bldLst>
  </p:timing>
</p:sld>
</file>

<file path=ppt/slides/slide1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txid="960071b817c32cf78cdb3b3cd759ece5">
            <a:r>
              <a:rPr dirty="0" lang="en-NO"/>
              <a:t>Options de partage de données</a:t>
            </a:r>
          </a:p>
        </p:txBody>
      </p:sp>
      <p:grpSp>
        <p:nvGrpSpPr>
          <p:cNvPr id="6" name="Group 5">
            <a:extLst>
              <a:ext uri="{FF2B5EF4-FFF2-40B4-BE49-F238E27FC236}">
                <a16:creationId xmlns:a16="http://schemas.microsoft.com/office/drawing/2014/main" id="{C6AC872F-8D90-B47E-D5F7-850FA89CA430}"/>
              </a:ext>
            </a:extLst>
          </p:cNvPr>
          <p:cNvGrpSpPr/>
          <p:nvPr/>
        </p:nvGrpSpPr>
        <p:grpSpPr>
          <a:xfrm>
            <a:off x="8331859" y="2221798"/>
            <a:ext cx="2705805" cy="1445041"/>
            <a:chOff x="8331859" y="2221798"/>
            <a:chExt cx="2705805" cy="1445041"/>
          </a:xfrm>
        </p:grpSpPr>
        <p:sp>
          <p:nvSpPr>
            <p:cNvPr id="10" name="TextBox 9">
              <a:extLst>
                <a:ext uri="{FF2B5EF4-FFF2-40B4-BE49-F238E27FC236}">
                  <a16:creationId xmlns:a16="http://schemas.microsoft.com/office/drawing/2014/main" id="{63652DAE-5004-DB78-0918-3899C22FD99F}"/>
                </a:ext>
              </a:extLst>
            </p:cNvPr>
            <p:cNvSpPr txBox="1"/>
            <p:nvPr/>
          </p:nvSpPr>
          <p:spPr>
            <a:xfrm>
              <a:off x="8331859" y="2221798"/>
              <a:ext cx="2705805" cy="461665"/>
            </a:xfrm>
            <a:prstGeom prst="rect">
              <a:avLst/>
            </a:prstGeom>
            <a:noFill/>
          </p:spPr>
          <p:txBody>
            <a:bodyPr rtlCol="0" wrap="none">
              <a:spAutoFit/>
            </a:bodyPr>
            <a:lstStyle/>
            <a:p txid="fd5ae14c60dba261556df79c70d8848d">
              <a:pPr algn="ctr">
                <a:buClr>
                  <a:srgbClr val="008CCF"/>
                </a:buClr>
              </a:pPr>
              <a:r>
                <a:rPr dirty="0" lang="en-US" sz="2400">
                  <a:solidFill>
                    <a:schemeClr val="accent1"/>
                  </a:solidFill>
                </a:rPr>
                <a:t>3. Peut visualiser uniquement</a:t>
              </a:r>
              <a:r>
                <a:rPr dirty="0" lang="en-US" sz="2400"/>
              </a:r>
              <a:r>
                <a:rPr dirty="0" lang="en-NO" sz="2400"/>
              </a:r>
            </a:p>
          </p:txBody>
        </p:sp>
        <p:pic>
          <p:nvPicPr>
            <p:cNvPr id="12" name="Picture 11">
              <a:extLst>
                <a:ext uri="{FF2B5EF4-FFF2-40B4-BE49-F238E27FC236}">
                  <a16:creationId xmlns:a16="http://schemas.microsoft.com/office/drawing/2014/main" id="{3C461AA5-D0E3-29C9-28E0-3B1E25E482EA}"/>
                </a:ext>
              </a:extLst>
            </p:cNvPr>
            <p:cNvPicPr>
              <a:picLocks noChangeAspect="1"/>
            </p:cNvPicPr>
            <p:nvPr/>
          </p:nvPicPr>
          <p:blipFill>
            <a:blip r:embed="rId4"/>
            <a:stretch>
              <a:fillRect/>
            </a:stretch>
          </p:blipFill>
          <p:spPr>
            <a:xfrm>
              <a:off x="9041746" y="2949848"/>
              <a:ext cx="1286031" cy="716991"/>
            </a:xfrm>
            <a:prstGeom prst="rect">
              <a:avLst/>
            </a:prstGeom>
          </p:spPr>
        </p:pic>
      </p:grpSp>
      <p:grpSp>
        <p:nvGrpSpPr>
          <p:cNvPr id="4" name="Group 3">
            <a:extLst>
              <a:ext uri="{FF2B5EF4-FFF2-40B4-BE49-F238E27FC236}">
                <a16:creationId xmlns:a16="http://schemas.microsoft.com/office/drawing/2014/main" id="{D06F95A7-2611-31A2-30A0-F0C2C715A9F4}"/>
              </a:ext>
            </a:extLst>
          </p:cNvPr>
          <p:cNvGrpSpPr/>
          <p:nvPr/>
        </p:nvGrpSpPr>
        <p:grpSpPr>
          <a:xfrm>
            <a:off x="2120347" y="2221798"/>
            <a:ext cx="1414170" cy="1635925"/>
            <a:chOff x="1758841" y="2233344"/>
            <a:chExt cx="1414170" cy="1635925"/>
          </a:xfrm>
        </p:grpSpPr>
        <p:sp>
          <p:nvSpPr>
            <p:cNvPr id="8" name="TextBox 7">
              <a:extLst>
                <a:ext uri="{FF2B5EF4-FFF2-40B4-BE49-F238E27FC236}">
                  <a16:creationId xmlns:a16="http://schemas.microsoft.com/office/drawing/2014/main" id="{DCFD19C0-DCE1-9452-EE9C-52DBAE085FD7}"/>
                </a:ext>
              </a:extLst>
            </p:cNvPr>
            <p:cNvSpPr txBox="1"/>
            <p:nvPr/>
          </p:nvSpPr>
          <p:spPr>
            <a:xfrm>
              <a:off x="1758841" y="2233344"/>
              <a:ext cx="1414170" cy="461665"/>
            </a:xfrm>
            <a:prstGeom prst="rect">
              <a:avLst/>
            </a:prstGeom>
            <a:noFill/>
          </p:spPr>
          <p:txBody>
            <a:bodyPr rtlCol="0" wrap="none">
              <a:spAutoFit/>
            </a:bodyPr>
            <a:lstStyle/>
            <a:p txid="6846ba559f7f55c20a67d890d03d20e0">
              <a:pPr algn="ctr" indent="-457200" marL="457200">
                <a:buClr>
                  <a:srgbClr val="008CCF"/>
                </a:buClr>
                <a:buFont typeface="+mj-lt"/>
                <a:buAutoNum type="arabicPeriod"/>
              </a:pPr>
              <a:r>
                <a:rPr dirty="0" lang="en-NO" sz="2400"/>
                <a:t>Aucun</a:t>
              </a:r>
            </a:p>
          </p:txBody>
        </p:sp>
        <p:pic>
          <p:nvPicPr>
            <p:cNvPr descr="No sign with solid fill" id="14" name="Graphic 13">
              <a:extLst>
                <a:ext uri="{FF2B5EF4-FFF2-40B4-BE49-F238E27FC236}">
                  <a16:creationId xmlns:a16="http://schemas.microsoft.com/office/drawing/2014/main" id="{2B88B75D-FFDD-BF92-482B-EC84D81B54A9}"/>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05000" y="2747417"/>
              <a:ext cx="1121852" cy="1121852"/>
            </a:xfrm>
            <a:prstGeom prst="rect">
              <a:avLst/>
            </a:prstGeom>
          </p:spPr>
        </p:pic>
      </p:grpSp>
      <p:grpSp>
        <p:nvGrpSpPr>
          <p:cNvPr id="5" name="Group 4">
            <a:extLst>
              <a:ext uri="{FF2B5EF4-FFF2-40B4-BE49-F238E27FC236}">
                <a16:creationId xmlns:a16="http://schemas.microsoft.com/office/drawing/2014/main" id="{ABBFA929-6C04-A6A9-1C9D-BAA2AD29B675}"/>
              </a:ext>
            </a:extLst>
          </p:cNvPr>
          <p:cNvGrpSpPr/>
          <p:nvPr/>
        </p:nvGrpSpPr>
        <p:grpSpPr>
          <a:xfrm>
            <a:off x="4147088" y="2221798"/>
            <a:ext cx="3933706" cy="1592180"/>
            <a:chOff x="3974445" y="2231850"/>
            <a:chExt cx="3933706" cy="1592180"/>
          </a:xfrm>
        </p:grpSpPr>
        <p:sp>
          <p:nvSpPr>
            <p:cNvPr id="9" name="TextBox 8">
              <a:extLst>
                <a:ext uri="{FF2B5EF4-FFF2-40B4-BE49-F238E27FC236}">
                  <a16:creationId xmlns:a16="http://schemas.microsoft.com/office/drawing/2014/main" id="{7E082AF3-A742-2E90-D641-3AE0255DE0EC}"/>
                </a:ext>
              </a:extLst>
            </p:cNvPr>
            <p:cNvSpPr txBox="1"/>
            <p:nvPr/>
          </p:nvSpPr>
          <p:spPr>
            <a:xfrm>
              <a:off x="3974445" y="2231850"/>
              <a:ext cx="3933706" cy="461665"/>
            </a:xfrm>
            <a:prstGeom prst="rect">
              <a:avLst/>
            </a:prstGeom>
            <a:noFill/>
          </p:spPr>
          <p:txBody>
            <a:bodyPr rtlCol="0" wrap="none">
              <a:spAutoFit/>
            </a:bodyPr>
            <a:lstStyle/>
            <a:p txid="2467e92025804b71602249e0092bea10">
              <a:pPr algn="ctr">
                <a:buClr>
                  <a:srgbClr val="008CCF"/>
                </a:buClr>
              </a:pPr>
              <a:r>
                <a:rPr dirty="0" lang="en-US" sz="2400">
                  <a:solidFill>
                    <a:schemeClr val="accent1"/>
                  </a:solidFill>
                </a:rPr>
                <a:t>2.  Peut saisir et visualiser</a:t>
              </a:r>
              <a:r>
                <a:rPr dirty="0" lang="en-US" sz="2400"/>
              </a:r>
              <a:r>
                <a:rPr dirty="0" lang="en-NO" sz="2400"/>
              </a:r>
            </a:p>
          </p:txBody>
        </p:sp>
        <p:grpSp>
          <p:nvGrpSpPr>
            <p:cNvPr id="3" name="Group 2">
              <a:extLst>
                <a:ext uri="{FF2B5EF4-FFF2-40B4-BE49-F238E27FC236}">
                  <a16:creationId xmlns:a16="http://schemas.microsoft.com/office/drawing/2014/main" id="{DE86170E-6BED-4F1D-5733-AE29906CE8BF}"/>
                </a:ext>
              </a:extLst>
            </p:cNvPr>
            <p:cNvGrpSpPr/>
            <p:nvPr/>
          </p:nvGrpSpPr>
          <p:grpSpPr>
            <a:xfrm>
              <a:off x="4675662" y="2792657"/>
              <a:ext cx="2531273" cy="1031373"/>
              <a:chOff x="4937282" y="2792657"/>
              <a:chExt cx="2531273" cy="1031373"/>
            </a:xfrm>
          </p:grpSpPr>
          <p:pic>
            <p:nvPicPr>
              <p:cNvPr id="11" name="Picture 10">
                <a:extLst>
                  <a:ext uri="{FF2B5EF4-FFF2-40B4-BE49-F238E27FC236}">
                    <a16:creationId xmlns:a16="http://schemas.microsoft.com/office/drawing/2014/main" id="{49974931-06E9-2D5E-D04C-7312A4F4AF5A}"/>
                  </a:ext>
                </a:extLst>
              </p:cNvPr>
              <p:cNvPicPr>
                <a:picLocks noChangeAspect="1"/>
              </p:cNvPicPr>
              <p:nvPr/>
            </p:nvPicPr>
            <p:blipFill>
              <a:blip r:embed="rId4"/>
              <a:stretch>
                <a:fillRect/>
              </a:stretch>
            </p:blipFill>
            <p:spPr>
              <a:xfrm>
                <a:off x="6182524" y="2949848"/>
                <a:ext cx="1286031" cy="716991"/>
              </a:xfrm>
              <a:prstGeom prst="rect">
                <a:avLst/>
              </a:prstGeom>
            </p:spPr>
          </p:pic>
          <p:pic>
            <p:nvPicPr>
              <p:cNvPr id="13" name="Picture 12">
                <a:extLst>
                  <a:ext uri="{FF2B5EF4-FFF2-40B4-BE49-F238E27FC236}">
                    <a16:creationId xmlns:a16="http://schemas.microsoft.com/office/drawing/2014/main" id="{E317A488-929B-959D-416F-62E33705CCD6}"/>
                  </a:ext>
                </a:extLst>
              </p:cNvPr>
              <p:cNvPicPr>
                <a:picLocks noChangeAspect="1"/>
              </p:cNvPicPr>
              <p:nvPr/>
            </p:nvPicPr>
            <p:blipFill>
              <a:blip r:embed="rId7"/>
              <a:stretch>
                <a:fillRect/>
              </a:stretch>
            </p:blipFill>
            <p:spPr>
              <a:xfrm>
                <a:off x="4937282" y="2792657"/>
                <a:ext cx="1031373" cy="1031373"/>
              </a:xfrm>
              <a:prstGeom prst="rect">
                <a:avLst/>
              </a:prstGeom>
            </p:spPr>
          </p:pic>
        </p:grpSp>
      </p:grpSp>
      <p:sp>
        <p:nvSpPr>
          <p:cNvPr id="15" name="!!sharingbox">
            <a:extLst>
              <a:ext uri="{FF2B5EF4-FFF2-40B4-BE49-F238E27FC236}">
                <a16:creationId xmlns:a16="http://schemas.microsoft.com/office/drawing/2014/main" id="{341B295A-AC56-7575-2296-0D5D569969C9}"/>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9fb75cfcf19533f66befd47cad6b6c5">
            <a:pPr algn="ctr"/>
            <a:r>
              <a:rPr lang="es-ES" sz="2400"/>
              <a:t>Données</a:t>
            </a:r>
            <a:endParaRPr dirty="0" lang="en-NO" sz="2400"/>
          </a:p>
        </p:txBody>
      </p:sp>
    </p:spTree>
    <p:custDataLst>
      <p:tags r:id="rId1"/>
    </p:custDataLst>
    <p:extLst>
      <p:ext uri="{BB962C8B-B14F-4D97-AF65-F5344CB8AC3E}">
        <p14:creationId xmlns:p14="http://schemas.microsoft.com/office/powerpoint/2010/main" val="3968792405"/>
      </p:ext>
    </p:extLst>
  </p:cSld>
  <p:clrMapOvr>
    <a:masterClrMapping/>
  </p:clrMapOvr>
  <mc:AlternateContent xmlns:mc="http://schemas.openxmlformats.org/markup-compatibility/2006" xmlns:p14="http://schemas.microsoft.com/office/powerpoint/2010/main">
    <mc:Choice Requires="p14">
      <p:transition advTm="4650" p14:dur="2000" spd="slow"/>
    </mc:Choice>
    <mc:Fallback xmlns="">
      <p:transition advTm="465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53" presetSubtype="16">
                                  <p:stCondLst>
                                    <p:cond delay="0"/>
                                  </p:stCondLst>
                                  <p:childTnLst>
                                    <p:set>
                                      <p:cBhvr>
                                        <p:cTn dur="1" fill="hold" id="11">
                                          <p:stCondLst>
                                            <p:cond delay="0"/>
                                          </p:stCondLst>
                                        </p:cTn>
                                        <p:tgtEl>
                                          <p:spTgt spid="6"/>
                                        </p:tgtEl>
                                        <p:attrNameLst>
                                          <p:attrName>style.visibility</p:attrName>
                                        </p:attrNameLst>
                                      </p:cBhvr>
                                      <p:to>
                                        <p:strVal val="visible"/>
                                      </p:to>
                                    </p:set>
                                    <p:anim calcmode="lin" valueType="num">
                                      <p:cBhvr>
                                        <p:cTn dur="500" fill="hold" id="12"/>
                                        <p:tgtEl>
                                          <p:spTgt spid="6"/>
                                        </p:tgtEl>
                                        <p:attrNameLst>
                                          <p:attrName>ppt_w</p:attrName>
                                        </p:attrNameLst>
                                      </p:cBhvr>
                                      <p:tavLst>
                                        <p:tav tm="0">
                                          <p:val>
                                            <p:fltVal val="0"/>
                                          </p:val>
                                        </p:tav>
                                        <p:tav tm="100000">
                                          <p:val>
                                            <p:strVal val="#ppt_w"/>
                                          </p:val>
                                        </p:tav>
                                      </p:tavLst>
                                    </p:anim>
                                    <p:anim calcmode="lin" valueType="num">
                                      <p:cBhvr>
                                        <p:cTn dur="500" fill="hold" id="13"/>
                                        <p:tgtEl>
                                          <p:spTgt spid="6"/>
                                        </p:tgtEl>
                                        <p:attrNameLst>
                                          <p:attrName>ppt_h</p:attrName>
                                        </p:attrNameLst>
                                      </p:cBhvr>
                                      <p:tavLst>
                                        <p:tav tm="0">
                                          <p:val>
                                            <p:fltVal val="0"/>
                                          </p:val>
                                        </p:tav>
                                        <p:tav tm="100000">
                                          <p:val>
                                            <p:strVal val="#ppt_h"/>
                                          </p:val>
                                        </p:tav>
                                      </p:tavLst>
                                    </p:anim>
                                    <p:animEffect filter="fade" transition="in">
                                      <p:cBhvr>
                                        <p:cTn dur="500" id="14"/>
                                        <p:tgtEl>
                                          <p:spTgt spid="6"/>
                                        </p:tgtEl>
                                      </p:cBhvr>
                                    </p:animEffect>
                                  </p:childTnLst>
                                </p:cTn>
                              </p:par>
                              <p:par>
                                <p:cTn fill="hold" id="15" nodeType="withEffect" presetClass="entr" presetID="53" presetSubtype="16">
                                  <p:stCondLst>
                                    <p:cond delay="0"/>
                                  </p:stCondLst>
                                  <p:childTnLst>
                                    <p:set>
                                      <p:cBhvr>
                                        <p:cTn dur="1" fill="hold" id="16">
                                          <p:stCondLst>
                                            <p:cond delay="0"/>
                                          </p:stCondLst>
                                        </p:cTn>
                                        <p:tgtEl>
                                          <p:spTgt spid="4"/>
                                        </p:tgtEl>
                                        <p:attrNameLst>
                                          <p:attrName>style.visibility</p:attrName>
                                        </p:attrNameLst>
                                      </p:cBhvr>
                                      <p:to>
                                        <p:strVal val="visible"/>
                                      </p:to>
                                    </p:set>
                                    <p:anim calcmode="lin" valueType="num">
                                      <p:cBhvr>
                                        <p:cTn dur="500" fill="hold" id="17"/>
                                        <p:tgtEl>
                                          <p:spTgt spid="4"/>
                                        </p:tgtEl>
                                        <p:attrNameLst>
                                          <p:attrName>ppt_w</p:attrName>
                                        </p:attrNameLst>
                                      </p:cBhvr>
                                      <p:tavLst>
                                        <p:tav tm="0">
                                          <p:val>
                                            <p:fltVal val="0"/>
                                          </p:val>
                                        </p:tav>
                                        <p:tav tm="100000">
                                          <p:val>
                                            <p:strVal val="#ppt_w"/>
                                          </p:val>
                                        </p:tav>
                                      </p:tavLst>
                                    </p:anim>
                                    <p:anim calcmode="lin" valueType="num">
                                      <p:cBhvr>
                                        <p:cTn dur="500" fill="hold" id="18"/>
                                        <p:tgtEl>
                                          <p:spTgt spid="4"/>
                                        </p:tgtEl>
                                        <p:attrNameLst>
                                          <p:attrName>ppt_h</p:attrName>
                                        </p:attrNameLst>
                                      </p:cBhvr>
                                      <p:tavLst>
                                        <p:tav tm="0">
                                          <p:val>
                                            <p:fltVal val="0"/>
                                          </p:val>
                                        </p:tav>
                                        <p:tav tm="100000">
                                          <p:val>
                                            <p:strVal val="#ppt_h"/>
                                          </p:val>
                                        </p:tav>
                                      </p:tavLst>
                                    </p:anim>
                                    <p:animEffect filter="fade" transition="in">
                                      <p:cBhvr>
                                        <p:cTn dur="500" id="19"/>
                                        <p:tgtEl>
                                          <p:spTgt spid="4"/>
                                        </p:tgtEl>
                                      </p:cBhvr>
                                    </p:animEffect>
                                  </p:childTnLst>
                                </p:cTn>
                              </p:par>
                              <p:par>
                                <p:cTn fill="hold" id="20" nodeType="withEffect" presetClass="entr" presetID="53" presetSubtype="16">
                                  <p:stCondLst>
                                    <p:cond delay="0"/>
                                  </p:stCondLst>
                                  <p:childTnLst>
                                    <p:set>
                                      <p:cBhvr>
                                        <p:cTn dur="1" fill="hold" id="21">
                                          <p:stCondLst>
                                            <p:cond delay="0"/>
                                          </p:stCondLst>
                                        </p:cTn>
                                        <p:tgtEl>
                                          <p:spTgt spid="5"/>
                                        </p:tgtEl>
                                        <p:attrNameLst>
                                          <p:attrName>style.visibility</p:attrName>
                                        </p:attrNameLst>
                                      </p:cBhvr>
                                      <p:to>
                                        <p:strVal val="visible"/>
                                      </p:to>
                                    </p:set>
                                    <p:anim calcmode="lin" valueType="num">
                                      <p:cBhvr>
                                        <p:cTn dur="500" fill="hold" id="22"/>
                                        <p:tgtEl>
                                          <p:spTgt spid="5"/>
                                        </p:tgtEl>
                                        <p:attrNameLst>
                                          <p:attrName>ppt_w</p:attrName>
                                        </p:attrNameLst>
                                      </p:cBhvr>
                                      <p:tavLst>
                                        <p:tav tm="0">
                                          <p:val>
                                            <p:fltVal val="0"/>
                                          </p:val>
                                        </p:tav>
                                        <p:tav tm="100000">
                                          <p:val>
                                            <p:strVal val="#ppt_w"/>
                                          </p:val>
                                        </p:tav>
                                      </p:tavLst>
                                    </p:anim>
                                    <p:anim calcmode="lin" valueType="num">
                                      <p:cBhvr>
                                        <p:cTn dur="500" fill="hold" id="23"/>
                                        <p:tgtEl>
                                          <p:spTgt spid="5"/>
                                        </p:tgtEl>
                                        <p:attrNameLst>
                                          <p:attrName>ppt_h</p:attrName>
                                        </p:attrNameLst>
                                      </p:cBhvr>
                                      <p:tavLst>
                                        <p:tav tm="0">
                                          <p:val>
                                            <p:fltVal val="0"/>
                                          </p:val>
                                        </p:tav>
                                        <p:tav tm="100000">
                                          <p:val>
                                            <p:strVal val="#ppt_h"/>
                                          </p:val>
                                        </p:tav>
                                      </p:tavLst>
                                    </p:anim>
                                    <p:animEffect filter="fade" transition="in">
                                      <p:cBhvr>
                                        <p:cTn dur="500" id="24"/>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5"/>
    </p:bldLst>
  </p:timing>
</p:sld>
</file>

<file path=ppt/slides/slide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6" name="!!sharingbox">
            <a:extLst>
              <a:ext uri="{FF2B5EF4-FFF2-40B4-BE49-F238E27FC236}">
                <a16:creationId xmlns:a16="http://schemas.microsoft.com/office/drawing/2014/main" id="{139AC81A-F8D0-3F0B-0BA2-00D9FFFF97A3}"/>
              </a:ext>
            </a:extLst>
          </p:cNvPr>
          <p:cNvSpPr/>
          <p:nvPr/>
        </p:nvSpPr>
        <p:spPr>
          <a:xfrm>
            <a:off x="2849520" y="146095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2abd8d0f164576f4df636d36a094424c">
            <a:pPr algn="ctr"/>
            <a:r>
              <a:rPr lang="es-ES" sz="2400"/>
              <a:t>Partage</a:t>
            </a:r>
            <a:endParaRPr dirty="0" lang="en-NO" sz="2400"/>
          </a:p>
        </p:txBody>
      </p:sp>
      <p:pic>
        <p:nvPicPr>
          <p:cNvPr descr="Arrow: Straight with solid fill" id="4" name="Graphic 3">
            <a:extLst>
              <a:ext uri="{FF2B5EF4-FFF2-40B4-BE49-F238E27FC236}">
                <a16:creationId xmlns:a16="http://schemas.microsoft.com/office/drawing/2014/main" id="{CB0176DB-1A35-90DF-5855-773E2764B958}"/>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flipH="1">
            <a:off x="5708073" y="3177086"/>
            <a:ext cx="914400" cy="914400"/>
          </a:xfrm>
          <a:prstGeom prst="rect">
            <a:avLst/>
          </a:prstGeom>
        </p:spPr>
      </p:pic>
      <p:sp>
        <p:nvSpPr>
          <p:cNvPr id="5" name="TextBox 4">
            <a:extLst>
              <a:ext uri="{FF2B5EF4-FFF2-40B4-BE49-F238E27FC236}">
                <a16:creationId xmlns:a16="http://schemas.microsoft.com/office/drawing/2014/main" id="{DE17A460-447B-A0A2-EF37-A4394BF0E87D}"/>
              </a:ext>
            </a:extLst>
          </p:cNvPr>
          <p:cNvSpPr txBox="1"/>
          <p:nvPr/>
        </p:nvSpPr>
        <p:spPr>
          <a:xfrm>
            <a:off x="6573981" y="3372676"/>
            <a:ext cx="3449782" cy="461665"/>
          </a:xfrm>
          <a:prstGeom prst="rect">
            <a:avLst/>
          </a:prstGeom>
          <a:noFill/>
        </p:spPr>
        <p:txBody>
          <a:bodyPr rtlCol="0" wrap="square">
            <a:spAutoFit/>
          </a:bodyPr>
          <a:lstStyle/>
          <a:p txid="0096aaa9a12b31a1b2a070d9572680af">
            <a:pPr algn="ctr">
              <a:buClr>
                <a:srgbClr val="008CCF"/>
              </a:buClr>
            </a:pPr>
            <a:r>
              <a:rPr lang="es-ES" sz="2400"/>
              <a:t>Contrôle d'accès</a:t>
            </a:r>
          </a:p>
        </p:txBody>
      </p:sp>
      <p:grpSp>
        <p:nvGrpSpPr>
          <p:cNvPr id="27" name="!!sharing">
            <a:extLst>
              <a:ext uri="{FF2B5EF4-FFF2-40B4-BE49-F238E27FC236}">
                <a16:creationId xmlns:a16="http://schemas.microsoft.com/office/drawing/2014/main" id="{3C64051E-6D06-74CF-7D54-B9C3C1C1C875}"/>
              </a:ext>
            </a:extLst>
          </p:cNvPr>
          <p:cNvGrpSpPr/>
          <p:nvPr/>
        </p:nvGrpSpPr>
        <p:grpSpPr>
          <a:xfrm>
            <a:off x="3134018" y="2524812"/>
            <a:ext cx="2062611" cy="2218948"/>
            <a:chOff x="1333500" y="1969731"/>
            <a:chExt cx="1862941" cy="2004144"/>
          </a:xfrm>
        </p:grpSpPr>
        <p:sp>
          <p:nvSpPr>
            <p:cNvPr id="28" name="Freeform 22">
              <a:extLst>
                <a:ext uri="{FF2B5EF4-FFF2-40B4-BE49-F238E27FC236}">
                  <a16:creationId xmlns:a16="http://schemas.microsoft.com/office/drawing/2014/main" id="{DA1970AE-A06E-5607-6188-D5ED37BEF587}"/>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29" name="Group 28">
              <a:extLst>
                <a:ext uri="{FF2B5EF4-FFF2-40B4-BE49-F238E27FC236}">
                  <a16:creationId xmlns:a16="http://schemas.microsoft.com/office/drawing/2014/main" id="{5E2768F1-2078-2681-D803-C75DF1035017}"/>
                </a:ext>
              </a:extLst>
            </p:cNvPr>
            <p:cNvGrpSpPr/>
            <p:nvPr/>
          </p:nvGrpSpPr>
          <p:grpSpPr>
            <a:xfrm>
              <a:off x="1746057" y="1969731"/>
              <a:ext cx="923284" cy="861233"/>
              <a:chOff x="2866244" y="2493706"/>
              <a:chExt cx="1072382" cy="1000311"/>
            </a:xfrm>
          </p:grpSpPr>
          <p:sp>
            <p:nvSpPr>
              <p:cNvPr id="37" name="Freeform 23">
                <a:extLst>
                  <a:ext uri="{FF2B5EF4-FFF2-40B4-BE49-F238E27FC236}">
                    <a16:creationId xmlns:a16="http://schemas.microsoft.com/office/drawing/2014/main" id="{5D675A2A-E3C5-4FA3-3E97-3C66614F50C2}"/>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8" name="Freeform 24">
                <a:extLst>
                  <a:ext uri="{FF2B5EF4-FFF2-40B4-BE49-F238E27FC236}">
                    <a16:creationId xmlns:a16="http://schemas.microsoft.com/office/drawing/2014/main" id="{24F20607-C81F-26E3-2B0E-C9F91269F2D3}"/>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30" name="Group 29">
              <a:extLst>
                <a:ext uri="{FF2B5EF4-FFF2-40B4-BE49-F238E27FC236}">
                  <a16:creationId xmlns:a16="http://schemas.microsoft.com/office/drawing/2014/main" id="{0B4CDF1E-768D-7F17-F078-A74A479E6197}"/>
                </a:ext>
              </a:extLst>
            </p:cNvPr>
            <p:cNvGrpSpPr/>
            <p:nvPr/>
          </p:nvGrpSpPr>
          <p:grpSpPr>
            <a:xfrm>
              <a:off x="1784364" y="3136309"/>
              <a:ext cx="846670" cy="837566"/>
              <a:chOff x="3040063" y="3848672"/>
              <a:chExt cx="983396" cy="972822"/>
            </a:xfrm>
          </p:grpSpPr>
          <p:sp>
            <p:nvSpPr>
              <p:cNvPr id="35" name="Freeform 28">
                <a:extLst>
                  <a:ext uri="{FF2B5EF4-FFF2-40B4-BE49-F238E27FC236}">
                    <a16:creationId xmlns:a16="http://schemas.microsoft.com/office/drawing/2014/main" id="{20A9E6BE-CB6F-A00E-8F0B-52361FC13E95}"/>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6" name="Freeform 29">
                <a:extLst>
                  <a:ext uri="{FF2B5EF4-FFF2-40B4-BE49-F238E27FC236}">
                    <a16:creationId xmlns:a16="http://schemas.microsoft.com/office/drawing/2014/main" id="{20C62568-70C6-F858-3123-EC4BC7682DFF}"/>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31" name="Freeform: Shape 30">
              <a:extLst>
                <a:ext uri="{FF2B5EF4-FFF2-40B4-BE49-F238E27FC236}">
                  <a16:creationId xmlns:a16="http://schemas.microsoft.com/office/drawing/2014/main" id="{F5DF8CAE-5760-C0F6-6A66-1267D40CD778}"/>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32" name="Graphic 24">
              <a:extLst>
                <a:ext uri="{FF2B5EF4-FFF2-40B4-BE49-F238E27FC236}">
                  <a16:creationId xmlns:a16="http://schemas.microsoft.com/office/drawing/2014/main" id="{74E3E177-1B43-7B4C-E600-E926902162D6}"/>
                </a:ext>
              </a:extLst>
            </p:cNvPr>
            <p:cNvGrpSpPr/>
            <p:nvPr/>
          </p:nvGrpSpPr>
          <p:grpSpPr>
            <a:xfrm>
              <a:off x="2323290" y="2517060"/>
              <a:ext cx="873151" cy="873151"/>
              <a:chOff x="2323290" y="2517060"/>
              <a:chExt cx="873151" cy="873151"/>
            </a:xfrm>
          </p:grpSpPr>
          <p:sp>
            <p:nvSpPr>
              <p:cNvPr id="33" name="Freeform: Shape 32">
                <a:extLst>
                  <a:ext uri="{FF2B5EF4-FFF2-40B4-BE49-F238E27FC236}">
                    <a16:creationId xmlns:a16="http://schemas.microsoft.com/office/drawing/2014/main" id="{BD7512C9-9556-E52C-A61E-A628390DEFEE}"/>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34" name="Freeform: Shape 33">
                <a:extLst>
                  <a:ext uri="{FF2B5EF4-FFF2-40B4-BE49-F238E27FC236}">
                    <a16:creationId xmlns:a16="http://schemas.microsoft.com/office/drawing/2014/main" id="{D0BBC6B5-50C4-A07D-557C-91426B56D8F5}"/>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Tree>
    <p:custDataLst>
      <p:tags r:id="rId1"/>
    </p:custDataLst>
    <p:extLst>
      <p:ext uri="{BB962C8B-B14F-4D97-AF65-F5344CB8AC3E}">
        <p14:creationId xmlns:p14="http://schemas.microsoft.com/office/powerpoint/2010/main" val="2449368712"/>
      </p:ext>
    </p:extLst>
  </p:cSld>
  <p:clrMapOvr>
    <a:masterClrMapping/>
  </p:clrMapOvr>
  <mc:AlternateContent xmlns:mc="http://schemas.openxmlformats.org/markup-compatibility/2006" xmlns:p14="http://schemas.microsoft.com/office/powerpoint/2010/main">
    <mc:Choice Requires="p14">
      <p:transition advTm="5366" p14:dur="2000" spd="slow"/>
    </mc:Choice>
    <mc:Fallback xmlns="">
      <p:transition advTm="5366"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2" presetSubtype="8">
                                  <p:stCondLst>
                                    <p:cond delay="0"/>
                                  </p:stCondLst>
                                  <p:childTnLst>
                                    <p:set>
                                      <p:cBhvr>
                                        <p:cTn dur="1" fill="hold" id="6">
                                          <p:stCondLst>
                                            <p:cond delay="0"/>
                                          </p:stCondLst>
                                        </p:cTn>
                                        <p:tgtEl>
                                          <p:spTgt spid="26"/>
                                        </p:tgtEl>
                                        <p:attrNameLst>
                                          <p:attrName>style.visibility</p:attrName>
                                        </p:attrNameLst>
                                      </p:cBhvr>
                                      <p:to>
                                        <p:strVal val="visible"/>
                                      </p:to>
                                    </p:set>
                                    <p:anim calcmode="lin" valueType="num">
                                      <p:cBhvr additive="base">
                                        <p:cTn dur="500" fill="hold" id="7"/>
                                        <p:tgtEl>
                                          <p:spTgt spid="26"/>
                                        </p:tgtEl>
                                        <p:attrNameLst>
                                          <p:attrName>ppt_x</p:attrName>
                                        </p:attrNameLst>
                                      </p:cBhvr>
                                      <p:tavLst>
                                        <p:tav tm="0">
                                          <p:val>
                                            <p:strVal val="0-#ppt_w/2"/>
                                          </p:val>
                                        </p:tav>
                                        <p:tav tm="100000">
                                          <p:val>
                                            <p:strVal val="#ppt_x"/>
                                          </p:val>
                                        </p:tav>
                                      </p:tavLst>
                                    </p:anim>
                                    <p:anim calcmode="lin" valueType="num">
                                      <p:cBhvr additive="base">
                                        <p:cTn dur="500" fill="hold" id="8"/>
                                        <p:tgtEl>
                                          <p:spTgt spid="26"/>
                                        </p:tgtEl>
                                        <p:attrNameLst>
                                          <p:attrName>ppt_y</p:attrName>
                                        </p:attrNameLst>
                                      </p:cBhvr>
                                      <p:tavLst>
                                        <p:tav tm="0">
                                          <p:val>
                                            <p:strVal val="#ppt_y"/>
                                          </p:val>
                                        </p:tav>
                                        <p:tav tm="100000">
                                          <p:val>
                                            <p:strVal val="#ppt_y"/>
                                          </p:val>
                                        </p:tav>
                                      </p:tavLst>
                                    </p:anim>
                                  </p:childTnLst>
                                </p:cTn>
                              </p:par>
                            </p:childTnLst>
                          </p:cTn>
                        </p:par>
                      </p:childTnLst>
                    </p:cTn>
                  </p:par>
                  <p:par>
                    <p:cTn fill="hold" id="9">
                      <p:stCondLst>
                        <p:cond delay="indefinite"/>
                      </p:stCondLst>
                      <p:childTnLst>
                        <p:par>
                          <p:cTn fill="hold" id="10">
                            <p:stCondLst>
                              <p:cond delay="0"/>
                            </p:stCondLst>
                            <p:childTnLst>
                              <p:par>
                                <p:cTn fill="hold" id="11" nodeType="clickEffect" presetClass="entr" presetID="22" presetSubtype="8">
                                  <p:stCondLst>
                                    <p:cond delay="0"/>
                                  </p:stCondLst>
                                  <p:childTnLst>
                                    <p:set>
                                      <p:cBhvr>
                                        <p:cTn dur="1" fill="hold" id="12">
                                          <p:stCondLst>
                                            <p:cond delay="0"/>
                                          </p:stCondLst>
                                        </p:cTn>
                                        <p:tgtEl>
                                          <p:spTgt spid="4"/>
                                        </p:tgtEl>
                                        <p:attrNameLst>
                                          <p:attrName>style.visibility</p:attrName>
                                        </p:attrNameLst>
                                      </p:cBhvr>
                                      <p:to>
                                        <p:strVal val="visible"/>
                                      </p:to>
                                    </p:set>
                                    <p:animEffect filter="wipe(left)" transition="in">
                                      <p:cBhvr>
                                        <p:cTn dur="500" id="13"/>
                                        <p:tgtEl>
                                          <p:spTgt spid="4"/>
                                        </p:tgtEl>
                                      </p:cBhvr>
                                    </p:animEffect>
                                  </p:childTnLst>
                                </p:cTn>
                              </p:par>
                            </p:childTnLst>
                          </p:cTn>
                        </p:par>
                        <p:par>
                          <p:cTn fill="hold" id="14">
                            <p:stCondLst>
                              <p:cond delay="500"/>
                            </p:stCondLst>
                            <p:childTnLst>
                              <p:par>
                                <p:cTn fill="hold" grpId="0" id="15" nodeType="afterEffect" presetClass="entr" presetID="10" presetSubtype="0">
                                  <p:stCondLst>
                                    <p:cond delay="0"/>
                                  </p:stCondLst>
                                  <p:childTnLst>
                                    <p:set>
                                      <p:cBhvr>
                                        <p:cTn dur="1" fill="hold" id="16">
                                          <p:stCondLst>
                                            <p:cond delay="0"/>
                                          </p:stCondLst>
                                        </p:cTn>
                                        <p:tgtEl>
                                          <p:spTgt spid="5"/>
                                        </p:tgtEl>
                                        <p:attrNameLst>
                                          <p:attrName>style.visibility</p:attrName>
                                        </p:attrNameLst>
                                      </p:cBhvr>
                                      <p:to>
                                        <p:strVal val="visible"/>
                                      </p:to>
                                    </p:set>
                                    <p:animEffect filter="fade" transition="in">
                                      <p:cBhvr>
                                        <p:cTn dur="500" id="17"/>
                                        <p:tgtEl>
                                          <p:spTgt spid="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6"/>
      <p:bldP grpId="0" spid="5"/>
    </p:bldLst>
  </p:timing>
</p:sld>
</file>

<file path=ppt/slides/slide2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txid="960071b817c32cf78cdb3b3cd759ece5">
            <a:r>
              <a:rPr dirty="0" lang="en-NO"/>
              <a:t>Options de partage de données</a:t>
            </a:r>
          </a:p>
        </p:txBody>
      </p:sp>
      <p:grpSp>
        <p:nvGrpSpPr>
          <p:cNvPr id="15" name="Group 14">
            <a:extLst>
              <a:ext uri="{FF2B5EF4-FFF2-40B4-BE49-F238E27FC236}">
                <a16:creationId xmlns:a16="http://schemas.microsoft.com/office/drawing/2014/main" id="{C9B2F819-8D2B-A24B-88FF-C0F560DB18CE}"/>
              </a:ext>
            </a:extLst>
          </p:cNvPr>
          <p:cNvGrpSpPr/>
          <p:nvPr/>
        </p:nvGrpSpPr>
        <p:grpSpPr>
          <a:xfrm>
            <a:off x="8331859" y="2221798"/>
            <a:ext cx="2705805" cy="1445041"/>
            <a:chOff x="8331859" y="2221798"/>
            <a:chExt cx="2705805" cy="1445041"/>
          </a:xfrm>
        </p:grpSpPr>
        <p:sp>
          <p:nvSpPr>
            <p:cNvPr id="16" name="TextBox 15">
              <a:extLst>
                <a:ext uri="{FF2B5EF4-FFF2-40B4-BE49-F238E27FC236}">
                  <a16:creationId xmlns:a16="http://schemas.microsoft.com/office/drawing/2014/main" id="{2D5F2593-E7BD-BF60-8A8E-08372A33078B}"/>
                </a:ext>
              </a:extLst>
            </p:cNvPr>
            <p:cNvSpPr txBox="1"/>
            <p:nvPr/>
          </p:nvSpPr>
          <p:spPr>
            <a:xfrm>
              <a:off x="8331859" y="2221798"/>
              <a:ext cx="2705805" cy="461665"/>
            </a:xfrm>
            <a:prstGeom prst="rect">
              <a:avLst/>
            </a:prstGeom>
            <a:noFill/>
          </p:spPr>
          <p:txBody>
            <a:bodyPr rtlCol="0" wrap="none">
              <a:spAutoFit/>
            </a:bodyPr>
            <a:lstStyle/>
            <a:p txid="fd5ae14c60dba261556df79c70d8848d">
              <a:pPr algn="ctr">
                <a:buClr>
                  <a:srgbClr val="008CCF"/>
                </a:buClr>
              </a:pPr>
              <a:r>
                <a:rPr dirty="0" lang="en-US" sz="2400">
                  <a:solidFill>
                    <a:schemeClr val="accent1"/>
                  </a:solidFill>
                </a:rPr>
                <a:t>3. Peut visualiser uniquement</a:t>
              </a:r>
              <a:r>
                <a:rPr dirty="0" lang="en-US" sz="2400"/>
              </a:r>
              <a:r>
                <a:rPr dirty="0" lang="en-NO" sz="2400"/>
              </a:r>
            </a:p>
          </p:txBody>
        </p:sp>
        <p:pic>
          <p:nvPicPr>
            <p:cNvPr id="17" name="Picture 16">
              <a:extLst>
                <a:ext uri="{FF2B5EF4-FFF2-40B4-BE49-F238E27FC236}">
                  <a16:creationId xmlns:a16="http://schemas.microsoft.com/office/drawing/2014/main" id="{0FCD45C9-BD35-0417-38C2-DFD8DDD88D31}"/>
                </a:ext>
              </a:extLst>
            </p:cNvPr>
            <p:cNvPicPr>
              <a:picLocks noChangeAspect="1"/>
            </p:cNvPicPr>
            <p:nvPr/>
          </p:nvPicPr>
          <p:blipFill>
            <a:blip r:embed="rId4"/>
            <a:stretch>
              <a:fillRect/>
            </a:stretch>
          </p:blipFill>
          <p:spPr>
            <a:xfrm>
              <a:off x="9041746" y="2949848"/>
              <a:ext cx="1286031" cy="716991"/>
            </a:xfrm>
            <a:prstGeom prst="rect">
              <a:avLst/>
            </a:prstGeom>
          </p:spPr>
        </p:pic>
      </p:grpSp>
      <p:grpSp>
        <p:nvGrpSpPr>
          <p:cNvPr id="18" name="Group 17">
            <a:extLst>
              <a:ext uri="{FF2B5EF4-FFF2-40B4-BE49-F238E27FC236}">
                <a16:creationId xmlns:a16="http://schemas.microsoft.com/office/drawing/2014/main" id="{A50708EF-9D6C-728D-3FAD-129E1F0105D5}"/>
              </a:ext>
            </a:extLst>
          </p:cNvPr>
          <p:cNvGrpSpPr/>
          <p:nvPr/>
        </p:nvGrpSpPr>
        <p:grpSpPr>
          <a:xfrm>
            <a:off x="2120347" y="2221798"/>
            <a:ext cx="1414170" cy="1635925"/>
            <a:chOff x="1758841" y="2233344"/>
            <a:chExt cx="1414170" cy="1635925"/>
          </a:xfrm>
        </p:grpSpPr>
        <p:sp>
          <p:nvSpPr>
            <p:cNvPr id="19" name="TextBox 18">
              <a:extLst>
                <a:ext uri="{FF2B5EF4-FFF2-40B4-BE49-F238E27FC236}">
                  <a16:creationId xmlns:a16="http://schemas.microsoft.com/office/drawing/2014/main" id="{1BC4795E-662F-60DA-3473-CB89AEE508C1}"/>
                </a:ext>
              </a:extLst>
            </p:cNvPr>
            <p:cNvSpPr txBox="1"/>
            <p:nvPr/>
          </p:nvSpPr>
          <p:spPr>
            <a:xfrm>
              <a:off x="1758841" y="2233344"/>
              <a:ext cx="1414170" cy="461665"/>
            </a:xfrm>
            <a:prstGeom prst="rect">
              <a:avLst/>
            </a:prstGeom>
            <a:noFill/>
          </p:spPr>
          <p:txBody>
            <a:bodyPr rtlCol="0" wrap="none">
              <a:spAutoFit/>
            </a:bodyPr>
            <a:lstStyle/>
            <a:p txid="6846ba559f7f55c20a67d890d03d20e0">
              <a:pPr algn="ctr" indent="-457200" marL="457200">
                <a:buClr>
                  <a:srgbClr val="008CCF"/>
                </a:buClr>
                <a:buFont typeface="+mj-lt"/>
                <a:buAutoNum type="arabicPeriod"/>
              </a:pPr>
              <a:r>
                <a:rPr dirty="0" lang="en-NO" sz="2400"/>
                <a:t>Aucun</a:t>
              </a:r>
            </a:p>
          </p:txBody>
        </p:sp>
        <p:pic>
          <p:nvPicPr>
            <p:cNvPr descr="No sign with solid fill" id="20" name="Graphic 19">
              <a:extLst>
                <a:ext uri="{FF2B5EF4-FFF2-40B4-BE49-F238E27FC236}">
                  <a16:creationId xmlns:a16="http://schemas.microsoft.com/office/drawing/2014/main" id="{5993FB40-9B2D-9DB0-6C00-3ACF518D9119}"/>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05000" y="2747417"/>
              <a:ext cx="1121852" cy="1121852"/>
            </a:xfrm>
            <a:prstGeom prst="rect">
              <a:avLst/>
            </a:prstGeom>
          </p:spPr>
        </p:pic>
      </p:grpSp>
      <p:grpSp>
        <p:nvGrpSpPr>
          <p:cNvPr id="21" name="Group 20">
            <a:extLst>
              <a:ext uri="{FF2B5EF4-FFF2-40B4-BE49-F238E27FC236}">
                <a16:creationId xmlns:a16="http://schemas.microsoft.com/office/drawing/2014/main" id="{87C20042-B496-FAD2-E0AB-5038BCBA932B}"/>
              </a:ext>
            </a:extLst>
          </p:cNvPr>
          <p:cNvGrpSpPr/>
          <p:nvPr/>
        </p:nvGrpSpPr>
        <p:grpSpPr>
          <a:xfrm>
            <a:off x="4147088" y="2221798"/>
            <a:ext cx="3933706" cy="1592180"/>
            <a:chOff x="3974445" y="2231850"/>
            <a:chExt cx="3933706" cy="1592180"/>
          </a:xfrm>
        </p:grpSpPr>
        <p:sp>
          <p:nvSpPr>
            <p:cNvPr id="22" name="TextBox 21">
              <a:extLst>
                <a:ext uri="{FF2B5EF4-FFF2-40B4-BE49-F238E27FC236}">
                  <a16:creationId xmlns:a16="http://schemas.microsoft.com/office/drawing/2014/main" id="{467528BC-8A5F-B1E7-2BF3-DF9A54F5EB5E}"/>
                </a:ext>
              </a:extLst>
            </p:cNvPr>
            <p:cNvSpPr txBox="1"/>
            <p:nvPr/>
          </p:nvSpPr>
          <p:spPr>
            <a:xfrm>
              <a:off x="3974445" y="2231850"/>
              <a:ext cx="3933706" cy="461665"/>
            </a:xfrm>
            <a:prstGeom prst="rect">
              <a:avLst/>
            </a:prstGeom>
            <a:noFill/>
          </p:spPr>
          <p:txBody>
            <a:bodyPr rtlCol="0" wrap="none">
              <a:spAutoFit/>
            </a:bodyPr>
            <a:lstStyle/>
            <a:p txid="2467e92025804b71602249e0092bea10">
              <a:pPr algn="ctr">
                <a:buClr>
                  <a:srgbClr val="008CCF"/>
                </a:buClr>
              </a:pPr>
              <a:r>
                <a:rPr dirty="0" lang="en-US" sz="2400">
                  <a:solidFill>
                    <a:schemeClr val="accent1"/>
                  </a:solidFill>
                </a:rPr>
                <a:t>2.  Peut saisir et visualiser</a:t>
              </a:r>
              <a:r>
                <a:rPr dirty="0" lang="en-US" sz="2400"/>
              </a:r>
              <a:r>
                <a:rPr dirty="0" lang="en-NO" sz="2400"/>
              </a:r>
            </a:p>
          </p:txBody>
        </p:sp>
        <p:grpSp>
          <p:nvGrpSpPr>
            <p:cNvPr id="23" name="Group 22">
              <a:extLst>
                <a:ext uri="{FF2B5EF4-FFF2-40B4-BE49-F238E27FC236}">
                  <a16:creationId xmlns:a16="http://schemas.microsoft.com/office/drawing/2014/main" id="{2E12F719-C0C6-2FBC-33D7-D8F8A949ADA1}"/>
                </a:ext>
              </a:extLst>
            </p:cNvPr>
            <p:cNvGrpSpPr/>
            <p:nvPr/>
          </p:nvGrpSpPr>
          <p:grpSpPr>
            <a:xfrm>
              <a:off x="4675662" y="2792657"/>
              <a:ext cx="2531273" cy="1031373"/>
              <a:chOff x="4937282" y="2792657"/>
              <a:chExt cx="2531273" cy="1031373"/>
            </a:xfrm>
          </p:grpSpPr>
          <p:pic>
            <p:nvPicPr>
              <p:cNvPr id="24" name="Picture 23">
                <a:extLst>
                  <a:ext uri="{FF2B5EF4-FFF2-40B4-BE49-F238E27FC236}">
                    <a16:creationId xmlns:a16="http://schemas.microsoft.com/office/drawing/2014/main" id="{4321B456-0469-63AF-35CB-C01434D219A5}"/>
                  </a:ext>
                </a:extLst>
              </p:cNvPr>
              <p:cNvPicPr>
                <a:picLocks noChangeAspect="1"/>
              </p:cNvPicPr>
              <p:nvPr/>
            </p:nvPicPr>
            <p:blipFill>
              <a:blip r:embed="rId4"/>
              <a:stretch>
                <a:fillRect/>
              </a:stretch>
            </p:blipFill>
            <p:spPr>
              <a:xfrm>
                <a:off x="6182524" y="2949848"/>
                <a:ext cx="1286031" cy="716991"/>
              </a:xfrm>
              <a:prstGeom prst="rect">
                <a:avLst/>
              </a:prstGeom>
            </p:spPr>
          </p:pic>
          <p:pic>
            <p:nvPicPr>
              <p:cNvPr id="25" name="Picture 24">
                <a:extLst>
                  <a:ext uri="{FF2B5EF4-FFF2-40B4-BE49-F238E27FC236}">
                    <a16:creationId xmlns:a16="http://schemas.microsoft.com/office/drawing/2014/main" id="{6EEF6FDA-74E7-78C2-F1C5-65D6F9D19BB3}"/>
                  </a:ext>
                </a:extLst>
              </p:cNvPr>
              <p:cNvPicPr>
                <a:picLocks noChangeAspect="1"/>
              </p:cNvPicPr>
              <p:nvPr/>
            </p:nvPicPr>
            <p:blipFill>
              <a:blip r:embed="rId7"/>
              <a:stretch>
                <a:fillRect/>
              </a:stretch>
            </p:blipFill>
            <p:spPr>
              <a:xfrm>
                <a:off x="4937282" y="2792657"/>
                <a:ext cx="1031373" cy="1031373"/>
              </a:xfrm>
              <a:prstGeom prst="rect">
                <a:avLst/>
              </a:prstGeom>
            </p:spPr>
          </p:pic>
        </p:grpSp>
      </p:grpSp>
      <p:sp>
        <p:nvSpPr>
          <p:cNvPr id="26" name="!!sharingbox">
            <a:extLst>
              <a:ext uri="{FF2B5EF4-FFF2-40B4-BE49-F238E27FC236}">
                <a16:creationId xmlns:a16="http://schemas.microsoft.com/office/drawing/2014/main" id="{7AC6F528-1734-F341-D5E5-7A516308629F}"/>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9fb75cfcf19533f66befd47cad6b6c5">
            <a:pPr algn="ctr"/>
            <a:r>
              <a:rPr lang="es-ES" sz="2400"/>
              <a:t>Données</a:t>
            </a:r>
            <a:endParaRPr dirty="0" lang="en-NO" sz="2400"/>
          </a:p>
        </p:txBody>
      </p:sp>
      <p:sp>
        <p:nvSpPr>
          <p:cNvPr id="27" name="Freeform: Shape 26">
            <a:extLst>
              <a:ext uri="{FF2B5EF4-FFF2-40B4-BE49-F238E27FC236}">
                <a16:creationId xmlns:a16="http://schemas.microsoft.com/office/drawing/2014/main" id="{B9CA7C4C-C963-3F4F-AF33-DD63A4CAF942}"/>
              </a:ext>
            </a:extLst>
          </p:cNvPr>
          <p:cNvSpPr/>
          <p:nvPr/>
        </p:nvSpPr>
        <p:spPr>
          <a:xfrm>
            <a:off x="0" y="0"/>
            <a:ext cx="12254023" cy="6858000"/>
          </a:xfrm>
          <a:custGeom>
            <a:avLst/>
            <a:gdLst>
              <a:gd fmla="*/ 1896607 w 12254023" name="connsiteX0"/>
              <a:gd fmla="*/ 2137144 h 6858000" name="connsiteY0"/>
              <a:gd fmla="*/ 1754372 w 12254023" name="connsiteX1"/>
              <a:gd fmla="*/ 2279379 h 6858000" name="connsiteY1"/>
              <a:gd fmla="*/ 1754372 w 12254023" name="connsiteX2"/>
              <a:gd fmla="*/ 3940667 h 6858000" name="connsiteY2"/>
              <a:gd fmla="*/ 1896607 w 12254023" name="connsiteX3"/>
              <a:gd fmla="*/ 4082902 h 6858000" name="connsiteY3"/>
              <a:gd fmla="*/ 3844974 w 12254023" name="connsiteX4"/>
              <a:gd fmla="*/ 4082902 h 6858000" name="connsiteY4"/>
              <a:gd fmla="*/ 3987209 w 12254023" name="connsiteX5"/>
              <a:gd fmla="*/ 3940667 h 6858000" name="connsiteY5"/>
              <a:gd fmla="*/ 3987209 w 12254023" name="connsiteX6"/>
              <a:gd fmla="*/ 2279379 h 6858000" name="connsiteY6"/>
              <a:gd fmla="*/ 3844974 w 12254023" name="connsiteX7"/>
              <a:gd fmla="*/ 2137144 h 6858000" name="connsiteY7"/>
              <a:gd fmla="*/ 0 w 12254023" name="connsiteX8"/>
              <a:gd fmla="*/ 0 h 6858000" name="connsiteY8"/>
              <a:gd fmla="*/ 12254023 w 12254023" name="connsiteX9"/>
              <a:gd fmla="*/ 0 h 6858000" name="connsiteY9"/>
              <a:gd fmla="*/ 12254023 w 12254023" name="connsiteX10"/>
              <a:gd fmla="*/ 6858000 h 6858000" name="connsiteY10"/>
              <a:gd fmla="*/ 0 w 12254023"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254023">
                <a:moveTo>
                  <a:pt x="1896607" y="2137144"/>
                </a:moveTo>
                <a:cubicBezTo>
                  <a:pt x="1818053" y="2137144"/>
                  <a:pt x="1754372" y="2200825"/>
                  <a:pt x="1754372" y="2279379"/>
                </a:cubicBezTo>
                <a:lnTo>
                  <a:pt x="1754372" y="3940667"/>
                </a:lnTo>
                <a:cubicBezTo>
                  <a:pt x="1754372" y="4019221"/>
                  <a:pt x="1818053" y="4082902"/>
                  <a:pt x="1896607" y="4082902"/>
                </a:cubicBezTo>
                <a:lnTo>
                  <a:pt x="3844974" y="4082902"/>
                </a:lnTo>
                <a:cubicBezTo>
                  <a:pt x="3923528" y="4082902"/>
                  <a:pt x="3987209" y="4019221"/>
                  <a:pt x="3987209" y="3940667"/>
                </a:cubicBezTo>
                <a:lnTo>
                  <a:pt x="3987209" y="2279379"/>
                </a:lnTo>
                <a:cubicBezTo>
                  <a:pt x="3987209" y="2200825"/>
                  <a:pt x="3923528" y="2137144"/>
                  <a:pt x="3844974" y="2137144"/>
                </a:cubicBezTo>
                <a:close/>
                <a:moveTo>
                  <a:pt x="0" y="0"/>
                </a:moveTo>
                <a:lnTo>
                  <a:pt x="12254023" y="0"/>
                </a:lnTo>
                <a:lnTo>
                  <a:pt x="12254023"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28" name="Rectangle: Rounded Corners 27">
            <a:extLst>
              <a:ext uri="{FF2B5EF4-FFF2-40B4-BE49-F238E27FC236}">
                <a16:creationId xmlns:a16="http://schemas.microsoft.com/office/drawing/2014/main" id="{CAFB8223-04DD-AE89-F15B-858C5C52041E}"/>
              </a:ext>
            </a:extLst>
          </p:cNvPr>
          <p:cNvSpPr/>
          <p:nvPr/>
        </p:nvSpPr>
        <p:spPr>
          <a:xfrm>
            <a:off x="4401561" y="1935480"/>
            <a:ext cx="5283200" cy="2342018"/>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a12e374db5228a54c064518be81b57be">
            <a:pPr indent="-342900" marL="342900">
              <a:buClr>
                <a:schemeClr val="accent1"/>
              </a:buClr>
              <a:buFont charset="0" panose="020B0604020202020204" pitchFamily="34" typeface="Arial"/>
              <a:buChar char="•"/>
            </a:pPr>
            <a:r>
              <a:rPr lang="en-US" sz="2400">
                <a:solidFill>
                  <a:schemeClr val="tx1"/>
                </a:solidFill>
              </a:rPr>
              <a:t>Les utilisateurs n'auront pas d'accès</a:t>
            </a:r>
            <a:r>
              <a:rPr b="0" i="0" kern="1200" lang="en-US" strike="noStrike" sz="2400" u="none">
                <a:solidFill>
                  <a:schemeClr val="tx1"/>
                </a:solidFill>
                <a:effectLst/>
                <a:ea typeface="+mn-ea"/>
                <a:cs typeface="+mn-cs"/>
              </a:rPr>
            </a:r>
            <a:endParaRPr lang="es-ES" sz="2400"/>
          </a:p>
        </p:txBody>
      </p:sp>
    </p:spTree>
    <p:custDataLst>
      <p:tags r:id="rId1"/>
    </p:custDataLst>
    <p:extLst>
      <p:ext uri="{BB962C8B-B14F-4D97-AF65-F5344CB8AC3E}">
        <p14:creationId xmlns:p14="http://schemas.microsoft.com/office/powerpoint/2010/main" val="4126740003"/>
      </p:ext>
    </p:extLst>
  </p:cSld>
  <p:clrMapOvr>
    <a:masterClrMapping/>
  </p:clrMapOvr>
  <mc:AlternateContent xmlns:mc="http://schemas.openxmlformats.org/markup-compatibility/2006" xmlns:p14="http://schemas.microsoft.com/office/powerpoint/2010/main">
    <mc:Choice Requires="p14">
      <p:transition advTm="16993" p14:dur="2000" spd="slow"/>
    </mc:Choice>
    <mc:Fallback xmlns="">
      <p:transition advTm="1699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7"/>
                                        </p:tgtEl>
                                        <p:attrNameLst>
                                          <p:attrName>style.visibility</p:attrName>
                                        </p:attrNameLst>
                                      </p:cBhvr>
                                      <p:to>
                                        <p:strVal val="visible"/>
                                      </p:to>
                                    </p:set>
                                    <p:animEffect filter="fade" transition="in">
                                      <p:cBhvr>
                                        <p:cTn dur="500" id="7"/>
                                        <p:tgtEl>
                                          <p:spTgt spid="27"/>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8">
                                            <p:bg/>
                                          </p:spTgt>
                                        </p:tgtEl>
                                        <p:attrNameLst>
                                          <p:attrName>style.visibility</p:attrName>
                                        </p:attrNameLst>
                                      </p:cBhvr>
                                      <p:to>
                                        <p:strVal val="visible"/>
                                      </p:to>
                                    </p:set>
                                    <p:animEffect filter="fade" transition="in">
                                      <p:cBhvr>
                                        <p:cTn dur="500" id="12"/>
                                        <p:tgtEl>
                                          <p:spTgt spid="28">
                                            <p:bg/>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8">
                                            <p:txEl>
                                              <p:pRg end="0" st="0"/>
                                            </p:txEl>
                                          </p:spTgt>
                                        </p:tgtEl>
                                        <p:attrNameLst>
                                          <p:attrName>style.visibility</p:attrName>
                                        </p:attrNameLst>
                                      </p:cBhvr>
                                      <p:to>
                                        <p:strVal val="visible"/>
                                      </p:to>
                                    </p:set>
                                    <p:animEffect filter="fade" transition="in">
                                      <p:cBhvr>
                                        <p:cTn dur="500" id="17"/>
                                        <p:tgtEl>
                                          <p:spTgt spid="28">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7"/>
      <p:bldP animBg="1" build="p" grpId="0" spid="28" uiExpand="1"/>
    </p:bldLst>
  </p:timing>
</p:sld>
</file>

<file path=ppt/slides/slide2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txid="960071b817c32cf78cdb3b3cd759ece5">
            <a:r>
              <a:rPr dirty="0" lang="en-NO"/>
              <a:t>Options de partage de données</a:t>
            </a:r>
          </a:p>
        </p:txBody>
      </p:sp>
      <p:grpSp>
        <p:nvGrpSpPr>
          <p:cNvPr id="15" name="Group 14">
            <a:extLst>
              <a:ext uri="{FF2B5EF4-FFF2-40B4-BE49-F238E27FC236}">
                <a16:creationId xmlns:a16="http://schemas.microsoft.com/office/drawing/2014/main" id="{BE6B5C01-4BDC-6FBB-FC3F-C0DD313E498B}"/>
              </a:ext>
            </a:extLst>
          </p:cNvPr>
          <p:cNvGrpSpPr/>
          <p:nvPr/>
        </p:nvGrpSpPr>
        <p:grpSpPr>
          <a:xfrm>
            <a:off x="8331859" y="2221798"/>
            <a:ext cx="2705805" cy="1445041"/>
            <a:chOff x="8331859" y="2221798"/>
            <a:chExt cx="2705805" cy="1445041"/>
          </a:xfrm>
        </p:grpSpPr>
        <p:sp>
          <p:nvSpPr>
            <p:cNvPr id="16" name="TextBox 15">
              <a:extLst>
                <a:ext uri="{FF2B5EF4-FFF2-40B4-BE49-F238E27FC236}">
                  <a16:creationId xmlns:a16="http://schemas.microsoft.com/office/drawing/2014/main" id="{07198CF2-CBB9-EEFB-AB11-597A717FF5CF}"/>
                </a:ext>
              </a:extLst>
            </p:cNvPr>
            <p:cNvSpPr txBox="1"/>
            <p:nvPr/>
          </p:nvSpPr>
          <p:spPr>
            <a:xfrm>
              <a:off x="8331859" y="2221798"/>
              <a:ext cx="2705805" cy="461665"/>
            </a:xfrm>
            <a:prstGeom prst="rect">
              <a:avLst/>
            </a:prstGeom>
            <a:noFill/>
          </p:spPr>
          <p:txBody>
            <a:bodyPr rtlCol="0" wrap="none">
              <a:spAutoFit/>
            </a:bodyPr>
            <a:lstStyle/>
            <a:p txid="fd5ae14c60dba261556df79c70d8848d">
              <a:pPr algn="ctr">
                <a:buClr>
                  <a:srgbClr val="008CCF"/>
                </a:buClr>
              </a:pPr>
              <a:r>
                <a:rPr dirty="0" lang="en-US" sz="2400">
                  <a:solidFill>
                    <a:schemeClr val="accent1"/>
                  </a:solidFill>
                </a:rPr>
                <a:t>3. Peut visualiser uniquement</a:t>
              </a:r>
              <a:r>
                <a:rPr dirty="0" lang="en-US" sz="2400"/>
              </a:r>
              <a:r>
                <a:rPr dirty="0" lang="en-NO" sz="2400"/>
              </a:r>
            </a:p>
          </p:txBody>
        </p:sp>
        <p:pic>
          <p:nvPicPr>
            <p:cNvPr id="17" name="Picture 16">
              <a:extLst>
                <a:ext uri="{FF2B5EF4-FFF2-40B4-BE49-F238E27FC236}">
                  <a16:creationId xmlns:a16="http://schemas.microsoft.com/office/drawing/2014/main" id="{B5411FCF-A0E1-FE5D-605E-E7AB25730BA8}"/>
                </a:ext>
              </a:extLst>
            </p:cNvPr>
            <p:cNvPicPr>
              <a:picLocks noChangeAspect="1"/>
            </p:cNvPicPr>
            <p:nvPr/>
          </p:nvPicPr>
          <p:blipFill>
            <a:blip r:embed="rId4"/>
            <a:stretch>
              <a:fillRect/>
            </a:stretch>
          </p:blipFill>
          <p:spPr>
            <a:xfrm>
              <a:off x="9041746" y="2949848"/>
              <a:ext cx="1286031" cy="716991"/>
            </a:xfrm>
            <a:prstGeom prst="rect">
              <a:avLst/>
            </a:prstGeom>
          </p:spPr>
        </p:pic>
      </p:grpSp>
      <p:grpSp>
        <p:nvGrpSpPr>
          <p:cNvPr id="18" name="Group 17">
            <a:extLst>
              <a:ext uri="{FF2B5EF4-FFF2-40B4-BE49-F238E27FC236}">
                <a16:creationId xmlns:a16="http://schemas.microsoft.com/office/drawing/2014/main" id="{F41F48BA-89E8-B8ED-2339-94C1DDCDD0C9}"/>
              </a:ext>
            </a:extLst>
          </p:cNvPr>
          <p:cNvGrpSpPr/>
          <p:nvPr/>
        </p:nvGrpSpPr>
        <p:grpSpPr>
          <a:xfrm>
            <a:off x="2120347" y="2221798"/>
            <a:ext cx="1414170" cy="1635925"/>
            <a:chOff x="1758841" y="2233344"/>
            <a:chExt cx="1414170" cy="1635925"/>
          </a:xfrm>
        </p:grpSpPr>
        <p:sp>
          <p:nvSpPr>
            <p:cNvPr id="19" name="TextBox 18">
              <a:extLst>
                <a:ext uri="{FF2B5EF4-FFF2-40B4-BE49-F238E27FC236}">
                  <a16:creationId xmlns:a16="http://schemas.microsoft.com/office/drawing/2014/main" id="{12717D38-9A65-4626-C2A0-2AA7782D0034}"/>
                </a:ext>
              </a:extLst>
            </p:cNvPr>
            <p:cNvSpPr txBox="1"/>
            <p:nvPr/>
          </p:nvSpPr>
          <p:spPr>
            <a:xfrm>
              <a:off x="1758841" y="2233344"/>
              <a:ext cx="1414170" cy="461665"/>
            </a:xfrm>
            <a:prstGeom prst="rect">
              <a:avLst/>
            </a:prstGeom>
            <a:noFill/>
          </p:spPr>
          <p:txBody>
            <a:bodyPr rtlCol="0" wrap="none">
              <a:spAutoFit/>
            </a:bodyPr>
            <a:lstStyle/>
            <a:p txid="6846ba559f7f55c20a67d890d03d20e0">
              <a:pPr algn="ctr" indent="-457200" marL="457200">
                <a:buClr>
                  <a:srgbClr val="008CCF"/>
                </a:buClr>
                <a:buFont typeface="+mj-lt"/>
                <a:buAutoNum type="arabicPeriod"/>
              </a:pPr>
              <a:r>
                <a:rPr dirty="0" lang="en-NO" sz="2400"/>
                <a:t>Aucun</a:t>
              </a:r>
            </a:p>
          </p:txBody>
        </p:sp>
        <p:pic>
          <p:nvPicPr>
            <p:cNvPr descr="No sign with solid fill" id="20" name="Graphic 19">
              <a:extLst>
                <a:ext uri="{FF2B5EF4-FFF2-40B4-BE49-F238E27FC236}">
                  <a16:creationId xmlns:a16="http://schemas.microsoft.com/office/drawing/2014/main" id="{FCB8F6C2-74EA-359D-C901-0D007813E83D}"/>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05000" y="2747417"/>
              <a:ext cx="1121852" cy="1121852"/>
            </a:xfrm>
            <a:prstGeom prst="rect">
              <a:avLst/>
            </a:prstGeom>
          </p:spPr>
        </p:pic>
      </p:grpSp>
      <p:grpSp>
        <p:nvGrpSpPr>
          <p:cNvPr id="21" name="Group 20">
            <a:extLst>
              <a:ext uri="{FF2B5EF4-FFF2-40B4-BE49-F238E27FC236}">
                <a16:creationId xmlns:a16="http://schemas.microsoft.com/office/drawing/2014/main" id="{4EFF3E17-8FDE-EF53-E166-12275DCED202}"/>
              </a:ext>
            </a:extLst>
          </p:cNvPr>
          <p:cNvGrpSpPr/>
          <p:nvPr/>
        </p:nvGrpSpPr>
        <p:grpSpPr>
          <a:xfrm>
            <a:off x="4147088" y="2221798"/>
            <a:ext cx="3933706" cy="1592180"/>
            <a:chOff x="3974445" y="2231850"/>
            <a:chExt cx="3933706" cy="1592180"/>
          </a:xfrm>
        </p:grpSpPr>
        <p:sp>
          <p:nvSpPr>
            <p:cNvPr id="22" name="TextBox 21">
              <a:extLst>
                <a:ext uri="{FF2B5EF4-FFF2-40B4-BE49-F238E27FC236}">
                  <a16:creationId xmlns:a16="http://schemas.microsoft.com/office/drawing/2014/main" id="{B1B6556A-69FE-386C-7A18-0B43C1ECB5B9}"/>
                </a:ext>
              </a:extLst>
            </p:cNvPr>
            <p:cNvSpPr txBox="1"/>
            <p:nvPr/>
          </p:nvSpPr>
          <p:spPr>
            <a:xfrm>
              <a:off x="3974445" y="2231850"/>
              <a:ext cx="3933706" cy="461665"/>
            </a:xfrm>
            <a:prstGeom prst="rect">
              <a:avLst/>
            </a:prstGeom>
            <a:noFill/>
          </p:spPr>
          <p:txBody>
            <a:bodyPr rtlCol="0" wrap="none">
              <a:spAutoFit/>
            </a:bodyPr>
            <a:lstStyle/>
            <a:p txid="2467e92025804b71602249e0092bea10">
              <a:pPr algn="ctr">
                <a:buClr>
                  <a:srgbClr val="008CCF"/>
                </a:buClr>
              </a:pPr>
              <a:r>
                <a:rPr dirty="0" lang="en-US" sz="2400">
                  <a:solidFill>
                    <a:schemeClr val="accent1"/>
                  </a:solidFill>
                </a:rPr>
                <a:t>2.  Peut saisir et visualiser</a:t>
              </a:r>
              <a:r>
                <a:rPr dirty="0" lang="en-US" sz="2400"/>
              </a:r>
              <a:r>
                <a:rPr dirty="0" lang="en-NO" sz="2400"/>
              </a:r>
            </a:p>
          </p:txBody>
        </p:sp>
        <p:grpSp>
          <p:nvGrpSpPr>
            <p:cNvPr id="23" name="Group 22">
              <a:extLst>
                <a:ext uri="{FF2B5EF4-FFF2-40B4-BE49-F238E27FC236}">
                  <a16:creationId xmlns:a16="http://schemas.microsoft.com/office/drawing/2014/main" id="{EA126A9B-ABD1-E78D-1CD2-4AABB1C48072}"/>
                </a:ext>
              </a:extLst>
            </p:cNvPr>
            <p:cNvGrpSpPr/>
            <p:nvPr/>
          </p:nvGrpSpPr>
          <p:grpSpPr>
            <a:xfrm>
              <a:off x="4675662" y="2792657"/>
              <a:ext cx="2531273" cy="1031373"/>
              <a:chOff x="4937282" y="2792657"/>
              <a:chExt cx="2531273" cy="1031373"/>
            </a:xfrm>
          </p:grpSpPr>
          <p:pic>
            <p:nvPicPr>
              <p:cNvPr id="24" name="Picture 23">
                <a:extLst>
                  <a:ext uri="{FF2B5EF4-FFF2-40B4-BE49-F238E27FC236}">
                    <a16:creationId xmlns:a16="http://schemas.microsoft.com/office/drawing/2014/main" id="{9EB8AF2E-6CCC-A530-28A8-350667F322AF}"/>
                  </a:ext>
                </a:extLst>
              </p:cNvPr>
              <p:cNvPicPr>
                <a:picLocks noChangeAspect="1"/>
              </p:cNvPicPr>
              <p:nvPr/>
            </p:nvPicPr>
            <p:blipFill>
              <a:blip r:embed="rId4"/>
              <a:stretch>
                <a:fillRect/>
              </a:stretch>
            </p:blipFill>
            <p:spPr>
              <a:xfrm>
                <a:off x="6182524" y="2949848"/>
                <a:ext cx="1286031" cy="716991"/>
              </a:xfrm>
              <a:prstGeom prst="rect">
                <a:avLst/>
              </a:prstGeom>
            </p:spPr>
          </p:pic>
          <p:pic>
            <p:nvPicPr>
              <p:cNvPr id="25" name="Picture 24">
                <a:extLst>
                  <a:ext uri="{FF2B5EF4-FFF2-40B4-BE49-F238E27FC236}">
                    <a16:creationId xmlns:a16="http://schemas.microsoft.com/office/drawing/2014/main" id="{73ECA624-57E9-1394-8CF3-76522FF80CE2}"/>
                  </a:ext>
                </a:extLst>
              </p:cNvPr>
              <p:cNvPicPr>
                <a:picLocks noChangeAspect="1"/>
              </p:cNvPicPr>
              <p:nvPr/>
            </p:nvPicPr>
            <p:blipFill>
              <a:blip r:embed="rId7"/>
              <a:stretch>
                <a:fillRect/>
              </a:stretch>
            </p:blipFill>
            <p:spPr>
              <a:xfrm>
                <a:off x="4937282" y="2792657"/>
                <a:ext cx="1031373" cy="1031373"/>
              </a:xfrm>
              <a:prstGeom prst="rect">
                <a:avLst/>
              </a:prstGeom>
            </p:spPr>
          </p:pic>
        </p:grpSp>
      </p:grpSp>
      <p:sp>
        <p:nvSpPr>
          <p:cNvPr id="26" name="!!sharingbox">
            <a:extLst>
              <a:ext uri="{FF2B5EF4-FFF2-40B4-BE49-F238E27FC236}">
                <a16:creationId xmlns:a16="http://schemas.microsoft.com/office/drawing/2014/main" id="{BC28D558-7A8C-9C5E-A4CA-69AD613789BE}"/>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9fb75cfcf19533f66befd47cad6b6c5">
            <a:pPr algn="ctr"/>
            <a:r>
              <a:rPr lang="es-ES" sz="2400"/>
              <a:t>Données</a:t>
            </a:r>
            <a:endParaRPr dirty="0" lang="en-NO" sz="2400"/>
          </a:p>
        </p:txBody>
      </p:sp>
      <p:sp>
        <p:nvSpPr>
          <p:cNvPr id="29" name="Freeform: Shape 28">
            <a:extLst>
              <a:ext uri="{FF2B5EF4-FFF2-40B4-BE49-F238E27FC236}">
                <a16:creationId xmlns:a16="http://schemas.microsoft.com/office/drawing/2014/main" id="{A0878587-A531-D18D-645D-0D079FB6D8B2}"/>
              </a:ext>
            </a:extLst>
          </p:cNvPr>
          <p:cNvSpPr/>
          <p:nvPr/>
        </p:nvSpPr>
        <p:spPr>
          <a:xfrm>
            <a:off x="0" y="0"/>
            <a:ext cx="12254023" cy="6858000"/>
          </a:xfrm>
          <a:custGeom>
            <a:avLst/>
            <a:gdLst>
              <a:gd fmla="*/ 4140077 w 12254023" name="connsiteX0"/>
              <a:gd fmla="*/ 2137144 h 6858000" name="connsiteY0"/>
              <a:gd fmla="*/ 3997842 w 12254023" name="connsiteX1"/>
              <a:gd fmla="*/ 2279379 h 6858000" name="connsiteY1"/>
              <a:gd fmla="*/ 3997842 w 12254023" name="connsiteX2"/>
              <a:gd fmla="*/ 3940667 h 6858000" name="connsiteY2"/>
              <a:gd fmla="*/ 4140077 w 12254023" name="connsiteX3"/>
              <a:gd fmla="*/ 4082902 h 6858000" name="connsiteY3"/>
              <a:gd fmla="*/ 8039518 w 12254023" name="connsiteX4"/>
              <a:gd fmla="*/ 4082902 h 6858000" name="connsiteY4"/>
              <a:gd fmla="*/ 8181753 w 12254023" name="connsiteX5"/>
              <a:gd fmla="*/ 3940667 h 6858000" name="connsiteY5"/>
              <a:gd fmla="*/ 8181753 w 12254023" name="connsiteX6"/>
              <a:gd fmla="*/ 2279379 h 6858000" name="connsiteY6"/>
              <a:gd fmla="*/ 8039518 w 12254023" name="connsiteX7"/>
              <a:gd fmla="*/ 2137144 h 6858000" name="connsiteY7"/>
              <a:gd fmla="*/ 0 w 12254023" name="connsiteX8"/>
              <a:gd fmla="*/ 0 h 6858000" name="connsiteY8"/>
              <a:gd fmla="*/ 12254023 w 12254023" name="connsiteX9"/>
              <a:gd fmla="*/ 0 h 6858000" name="connsiteY9"/>
              <a:gd fmla="*/ 12254023 w 12254023" name="connsiteX10"/>
              <a:gd fmla="*/ 6858000 h 6858000" name="connsiteY10"/>
              <a:gd fmla="*/ 0 w 12254023"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254023">
                <a:moveTo>
                  <a:pt x="4140077" y="2137144"/>
                </a:moveTo>
                <a:cubicBezTo>
                  <a:pt x="4061523" y="2137144"/>
                  <a:pt x="3997842" y="2200825"/>
                  <a:pt x="3997842" y="2279379"/>
                </a:cubicBezTo>
                <a:lnTo>
                  <a:pt x="3997842" y="3940667"/>
                </a:lnTo>
                <a:cubicBezTo>
                  <a:pt x="3997842" y="4019221"/>
                  <a:pt x="4061523" y="4082902"/>
                  <a:pt x="4140077" y="4082902"/>
                </a:cubicBezTo>
                <a:lnTo>
                  <a:pt x="8039518" y="4082902"/>
                </a:lnTo>
                <a:cubicBezTo>
                  <a:pt x="8118072" y="4082902"/>
                  <a:pt x="8181753" y="4019221"/>
                  <a:pt x="8181753" y="3940667"/>
                </a:cubicBezTo>
                <a:lnTo>
                  <a:pt x="8181753" y="2279379"/>
                </a:lnTo>
                <a:cubicBezTo>
                  <a:pt x="8181753" y="2200825"/>
                  <a:pt x="8118072" y="2137144"/>
                  <a:pt x="8039518" y="2137144"/>
                </a:cubicBezTo>
                <a:close/>
                <a:moveTo>
                  <a:pt x="0" y="0"/>
                </a:moveTo>
                <a:lnTo>
                  <a:pt x="12254023" y="0"/>
                </a:lnTo>
                <a:lnTo>
                  <a:pt x="12254023"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30" name="Rectangle: Rounded Corners 29">
            <a:extLst>
              <a:ext uri="{FF2B5EF4-FFF2-40B4-BE49-F238E27FC236}">
                <a16:creationId xmlns:a16="http://schemas.microsoft.com/office/drawing/2014/main" id="{59F2D020-94C0-9865-6E8E-E29F8FAA6EE9}"/>
              </a:ext>
            </a:extLst>
          </p:cNvPr>
          <p:cNvSpPr/>
          <p:nvPr/>
        </p:nvSpPr>
        <p:spPr>
          <a:xfrm>
            <a:off x="8323993" y="2101735"/>
            <a:ext cx="3674043" cy="1981167"/>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c76ccb07efb7dd537b5df3f4e0d3e296">
            <a:pPr indent="-342900" marL="342900">
              <a:buClr>
                <a:schemeClr val="accent1"/>
              </a:buClr>
              <a:buFont charset="0" panose="020B0604020202020204" pitchFamily="34" typeface="Arial"/>
              <a:buChar char="•"/>
            </a:pPr>
            <a:r>
              <a:rPr lang="en-US" sz="2400">
                <a:solidFill>
                  <a:schemeClr val="tx1"/>
                </a:solidFill>
              </a:rPr>
              <a:t>Saisir et visualiser des données</a:t>
            </a:r>
            <a:endParaRPr lang="es-ES" sz="2400"/>
          </a:p>
        </p:txBody>
      </p:sp>
      <p:grpSp>
        <p:nvGrpSpPr>
          <p:cNvPr id="34" name="Group 33">
            <a:extLst>
              <a:ext uri="{FF2B5EF4-FFF2-40B4-BE49-F238E27FC236}">
                <a16:creationId xmlns:a16="http://schemas.microsoft.com/office/drawing/2014/main" id="{CAFB053D-46A2-E4A5-9FC2-64984F8BAA38}"/>
              </a:ext>
            </a:extLst>
          </p:cNvPr>
          <p:cNvGrpSpPr/>
          <p:nvPr/>
        </p:nvGrpSpPr>
        <p:grpSpPr>
          <a:xfrm>
            <a:off x="1642256" y="2502810"/>
            <a:ext cx="2170117" cy="1663777"/>
            <a:chOff x="5042099" y="2205086"/>
            <a:chExt cx="2170117" cy="1663777"/>
          </a:xfrm>
        </p:grpSpPr>
        <p:grpSp>
          <p:nvGrpSpPr>
            <p:cNvPr id="35" name="Group 34">
              <a:extLst>
                <a:ext uri="{FF2B5EF4-FFF2-40B4-BE49-F238E27FC236}">
                  <a16:creationId xmlns:a16="http://schemas.microsoft.com/office/drawing/2014/main" id="{4A320D27-6814-9019-48ED-70D896302119}"/>
                </a:ext>
              </a:extLst>
            </p:cNvPr>
            <p:cNvGrpSpPr/>
            <p:nvPr/>
          </p:nvGrpSpPr>
          <p:grpSpPr>
            <a:xfrm>
              <a:off x="5042099" y="2205086"/>
              <a:ext cx="1663776" cy="1663777"/>
              <a:chOff x="4939393" y="2097225"/>
              <a:chExt cx="1584048" cy="1584049"/>
            </a:xfrm>
          </p:grpSpPr>
          <p:sp>
            <p:nvSpPr>
              <p:cNvPr id="40" name="Freeform: Shape 39">
                <a:extLst>
                  <a:ext uri="{FF2B5EF4-FFF2-40B4-BE49-F238E27FC236}">
                    <a16:creationId xmlns:a16="http://schemas.microsoft.com/office/drawing/2014/main" id="{86A70545-DD46-CB8D-4926-51D770406610}"/>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41" name="Group 40">
                <a:extLst>
                  <a:ext uri="{FF2B5EF4-FFF2-40B4-BE49-F238E27FC236}">
                    <a16:creationId xmlns:a16="http://schemas.microsoft.com/office/drawing/2014/main" id="{E5DD37C0-B8D5-0ED7-234E-F899C7D1804B}"/>
                  </a:ext>
                </a:extLst>
              </p:cNvPr>
              <p:cNvGrpSpPr/>
              <p:nvPr/>
            </p:nvGrpSpPr>
            <p:grpSpPr>
              <a:xfrm>
                <a:off x="5192227" y="2369148"/>
                <a:ext cx="1078380" cy="1040202"/>
                <a:chOff x="3448859" y="1386457"/>
                <a:chExt cx="1078380" cy="1040202"/>
              </a:xfrm>
            </p:grpSpPr>
            <p:sp>
              <p:nvSpPr>
                <p:cNvPr id="42" name="Freeform: Shape 41">
                  <a:extLst>
                    <a:ext uri="{FF2B5EF4-FFF2-40B4-BE49-F238E27FC236}">
                      <a16:creationId xmlns:a16="http://schemas.microsoft.com/office/drawing/2014/main" id="{171F5BB6-A2F6-E593-8465-6E83A765EC37}"/>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1C6388C4-0082-26D5-5E50-AAA50AFD662E}"/>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36" name="Freeform: Shape 35">
              <a:extLst>
                <a:ext uri="{FF2B5EF4-FFF2-40B4-BE49-F238E27FC236}">
                  <a16:creationId xmlns:a16="http://schemas.microsoft.com/office/drawing/2014/main" id="{2D7C8B04-8575-9004-895E-3D480430A0BE}"/>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37" name="Graphic 30">
              <a:extLst>
                <a:ext uri="{FF2B5EF4-FFF2-40B4-BE49-F238E27FC236}">
                  <a16:creationId xmlns:a16="http://schemas.microsoft.com/office/drawing/2014/main" id="{53D378A8-3F10-DE9F-00A5-5465159AE0D6}"/>
                </a:ext>
              </a:extLst>
            </p:cNvPr>
            <p:cNvGrpSpPr/>
            <p:nvPr/>
          </p:nvGrpSpPr>
          <p:grpSpPr>
            <a:xfrm>
              <a:off x="6382743" y="2556395"/>
              <a:ext cx="829473" cy="829474"/>
              <a:chOff x="5945741" y="2242429"/>
              <a:chExt cx="1307468" cy="1307469"/>
            </a:xfrm>
          </p:grpSpPr>
          <p:sp>
            <p:nvSpPr>
              <p:cNvPr id="38" name="Freeform: Shape 37">
                <a:extLst>
                  <a:ext uri="{FF2B5EF4-FFF2-40B4-BE49-F238E27FC236}">
                    <a16:creationId xmlns:a16="http://schemas.microsoft.com/office/drawing/2014/main" id="{AFA0747E-E264-2EDE-1EDA-B2E7442043B5}"/>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760D3F01-8651-7A7C-642D-225E9790F776}"/>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44" name="userbox">
            <a:extLst>
              <a:ext uri="{FF2B5EF4-FFF2-40B4-BE49-F238E27FC236}">
                <a16:creationId xmlns:a16="http://schemas.microsoft.com/office/drawing/2014/main" id="{EFD89411-D175-BD4F-4E70-D7CCA04F008D}"/>
              </a:ext>
            </a:extLst>
          </p:cNvPr>
          <p:cNvSpPr/>
          <p:nvPr/>
        </p:nvSpPr>
        <p:spPr>
          <a:xfrm>
            <a:off x="1209211" y="1739164"/>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spTree>
    <p:custDataLst>
      <p:tags r:id="rId1"/>
    </p:custDataLst>
    <p:extLst>
      <p:ext uri="{BB962C8B-B14F-4D97-AF65-F5344CB8AC3E}">
        <p14:creationId xmlns:p14="http://schemas.microsoft.com/office/powerpoint/2010/main" val="3870339385"/>
      </p:ext>
    </p:extLst>
  </p:cSld>
  <p:clrMapOvr>
    <a:masterClrMapping/>
  </p:clrMapOvr>
  <mc:AlternateContent xmlns:mc="http://schemas.openxmlformats.org/markup-compatibility/2006" xmlns:p14="http://schemas.microsoft.com/office/powerpoint/2010/main">
    <mc:Choice Requires="p14">
      <p:transition advTm="17958" p14:dur="2000" spd="slow"/>
    </mc:Choice>
    <mc:Fallback xmlns="">
      <p:transition advTm="17958"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9"/>
                                        </p:tgtEl>
                                        <p:attrNameLst>
                                          <p:attrName>style.visibility</p:attrName>
                                        </p:attrNameLst>
                                      </p:cBhvr>
                                      <p:to>
                                        <p:strVal val="visible"/>
                                      </p:to>
                                    </p:set>
                                    <p:animEffect filter="fade" transition="in">
                                      <p:cBhvr>
                                        <p:cTn dur="500" id="7"/>
                                        <p:tgtEl>
                                          <p:spTgt spid="2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0">
                                            <p:bg/>
                                          </p:spTgt>
                                        </p:tgtEl>
                                        <p:attrNameLst>
                                          <p:attrName>style.visibility</p:attrName>
                                        </p:attrNameLst>
                                      </p:cBhvr>
                                      <p:to>
                                        <p:strVal val="visible"/>
                                      </p:to>
                                    </p:set>
                                    <p:animEffect filter="fade" transition="in">
                                      <p:cBhvr>
                                        <p:cTn dur="500" id="12"/>
                                        <p:tgtEl>
                                          <p:spTgt spid="30">
                                            <p:bg/>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0">
                                            <p:txEl>
                                              <p:pRg end="0" st="0"/>
                                            </p:txEl>
                                          </p:spTgt>
                                        </p:tgtEl>
                                        <p:attrNameLst>
                                          <p:attrName>style.visibility</p:attrName>
                                        </p:attrNameLst>
                                      </p:cBhvr>
                                      <p:to>
                                        <p:strVal val="visible"/>
                                      </p:to>
                                    </p:set>
                                    <p:animEffect filter="fade" transition="in">
                                      <p:cBhvr>
                                        <p:cTn dur="500" id="17"/>
                                        <p:tgtEl>
                                          <p:spTgt spid="30">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53" presetSubtype="16">
                                  <p:stCondLst>
                                    <p:cond delay="0"/>
                                  </p:stCondLst>
                                  <p:childTnLst>
                                    <p:set>
                                      <p:cBhvr>
                                        <p:cTn dur="1" fill="hold" id="21">
                                          <p:stCondLst>
                                            <p:cond delay="0"/>
                                          </p:stCondLst>
                                        </p:cTn>
                                        <p:tgtEl>
                                          <p:spTgt spid="44"/>
                                        </p:tgtEl>
                                        <p:attrNameLst>
                                          <p:attrName>style.visibility</p:attrName>
                                        </p:attrNameLst>
                                      </p:cBhvr>
                                      <p:to>
                                        <p:strVal val="visible"/>
                                      </p:to>
                                    </p:set>
                                    <p:anim calcmode="lin" valueType="num">
                                      <p:cBhvr>
                                        <p:cTn dur="500" fill="hold" id="22"/>
                                        <p:tgtEl>
                                          <p:spTgt spid="44"/>
                                        </p:tgtEl>
                                        <p:attrNameLst>
                                          <p:attrName>ppt_w</p:attrName>
                                        </p:attrNameLst>
                                      </p:cBhvr>
                                      <p:tavLst>
                                        <p:tav tm="0">
                                          <p:val>
                                            <p:fltVal val="0"/>
                                          </p:val>
                                        </p:tav>
                                        <p:tav tm="100000">
                                          <p:val>
                                            <p:strVal val="#ppt_w"/>
                                          </p:val>
                                        </p:tav>
                                      </p:tavLst>
                                    </p:anim>
                                    <p:anim calcmode="lin" valueType="num">
                                      <p:cBhvr>
                                        <p:cTn dur="500" fill="hold" id="23"/>
                                        <p:tgtEl>
                                          <p:spTgt spid="44"/>
                                        </p:tgtEl>
                                        <p:attrNameLst>
                                          <p:attrName>ppt_h</p:attrName>
                                        </p:attrNameLst>
                                      </p:cBhvr>
                                      <p:tavLst>
                                        <p:tav tm="0">
                                          <p:val>
                                            <p:fltVal val="0"/>
                                          </p:val>
                                        </p:tav>
                                        <p:tav tm="100000">
                                          <p:val>
                                            <p:strVal val="#ppt_h"/>
                                          </p:val>
                                        </p:tav>
                                      </p:tavLst>
                                    </p:anim>
                                    <p:animEffect filter="fade" transition="in">
                                      <p:cBhvr>
                                        <p:cTn dur="500" id="24"/>
                                        <p:tgtEl>
                                          <p:spTgt spid="44"/>
                                        </p:tgtEl>
                                      </p:cBhvr>
                                    </p:animEffect>
                                  </p:childTnLst>
                                </p:cTn>
                              </p:par>
                              <p:par>
                                <p:cTn fill="hold" id="25" nodeType="withEffect" presetClass="entr" presetID="53" presetSubtype="16">
                                  <p:stCondLst>
                                    <p:cond delay="0"/>
                                  </p:stCondLst>
                                  <p:childTnLst>
                                    <p:set>
                                      <p:cBhvr>
                                        <p:cTn dur="1" fill="hold" id="26">
                                          <p:stCondLst>
                                            <p:cond delay="0"/>
                                          </p:stCondLst>
                                        </p:cTn>
                                        <p:tgtEl>
                                          <p:spTgt spid="34"/>
                                        </p:tgtEl>
                                        <p:attrNameLst>
                                          <p:attrName>style.visibility</p:attrName>
                                        </p:attrNameLst>
                                      </p:cBhvr>
                                      <p:to>
                                        <p:strVal val="visible"/>
                                      </p:to>
                                    </p:set>
                                    <p:anim calcmode="lin" valueType="num">
                                      <p:cBhvr>
                                        <p:cTn dur="500" fill="hold" id="27"/>
                                        <p:tgtEl>
                                          <p:spTgt spid="34"/>
                                        </p:tgtEl>
                                        <p:attrNameLst>
                                          <p:attrName>ppt_w</p:attrName>
                                        </p:attrNameLst>
                                      </p:cBhvr>
                                      <p:tavLst>
                                        <p:tav tm="0">
                                          <p:val>
                                            <p:fltVal val="0"/>
                                          </p:val>
                                        </p:tav>
                                        <p:tav tm="100000">
                                          <p:val>
                                            <p:strVal val="#ppt_w"/>
                                          </p:val>
                                        </p:tav>
                                      </p:tavLst>
                                    </p:anim>
                                    <p:anim calcmode="lin" valueType="num">
                                      <p:cBhvr>
                                        <p:cTn dur="500" fill="hold" id="28"/>
                                        <p:tgtEl>
                                          <p:spTgt spid="34"/>
                                        </p:tgtEl>
                                        <p:attrNameLst>
                                          <p:attrName>ppt_h</p:attrName>
                                        </p:attrNameLst>
                                      </p:cBhvr>
                                      <p:tavLst>
                                        <p:tav tm="0">
                                          <p:val>
                                            <p:fltVal val="0"/>
                                          </p:val>
                                        </p:tav>
                                        <p:tav tm="100000">
                                          <p:val>
                                            <p:strVal val="#ppt_h"/>
                                          </p:val>
                                        </p:tav>
                                      </p:tavLst>
                                    </p:anim>
                                    <p:animEffect filter="fade" transition="in">
                                      <p:cBhvr>
                                        <p:cTn dur="500" id="29"/>
                                        <p:tgtEl>
                                          <p:spTgt spid="34"/>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9"/>
      <p:bldP animBg="1" build="p" grpId="0" spid="30" uiExpand="1"/>
      <p:bldP animBg="1" grpId="0" spid="44"/>
    </p:bldLst>
  </p:timing>
</p:sld>
</file>

<file path=ppt/slides/slide22.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80AD26B-C459-EF9A-7827-ECB23DD3407A}"/>
              </a:ext>
            </a:extLst>
          </p:cNvPr>
          <p:cNvSpPr>
            <a:spLocks noGrp="1"/>
          </p:cNvSpPr>
          <p:nvPr>
            <p:ph type="title"/>
          </p:nvPr>
        </p:nvSpPr>
        <p:spPr/>
        <p:txBody>
          <a:bodyPr/>
          <a:lstStyle/>
          <a:p txid="960071b817c32cf78cdb3b3cd759ece5">
            <a:r>
              <a:rPr dirty="0" lang="en-NO"/>
              <a:t>Options de partage de données</a:t>
            </a:r>
          </a:p>
        </p:txBody>
      </p:sp>
      <p:grpSp>
        <p:nvGrpSpPr>
          <p:cNvPr id="15" name="Group 14">
            <a:extLst>
              <a:ext uri="{FF2B5EF4-FFF2-40B4-BE49-F238E27FC236}">
                <a16:creationId xmlns:a16="http://schemas.microsoft.com/office/drawing/2014/main" id="{6C4B2047-1DD8-A149-85CC-ADE8992A957F}"/>
              </a:ext>
            </a:extLst>
          </p:cNvPr>
          <p:cNvGrpSpPr/>
          <p:nvPr/>
        </p:nvGrpSpPr>
        <p:grpSpPr>
          <a:xfrm>
            <a:off x="8331859" y="2221798"/>
            <a:ext cx="2705805" cy="1445041"/>
            <a:chOff x="8331859" y="2221798"/>
            <a:chExt cx="2705805" cy="1445041"/>
          </a:xfrm>
        </p:grpSpPr>
        <p:sp>
          <p:nvSpPr>
            <p:cNvPr id="16" name="TextBox 15">
              <a:extLst>
                <a:ext uri="{FF2B5EF4-FFF2-40B4-BE49-F238E27FC236}">
                  <a16:creationId xmlns:a16="http://schemas.microsoft.com/office/drawing/2014/main" id="{B20E2A74-7752-1A18-1C7C-DE1F4A858D13}"/>
                </a:ext>
              </a:extLst>
            </p:cNvPr>
            <p:cNvSpPr txBox="1"/>
            <p:nvPr/>
          </p:nvSpPr>
          <p:spPr>
            <a:xfrm>
              <a:off x="8331859" y="2221798"/>
              <a:ext cx="2705805" cy="461665"/>
            </a:xfrm>
            <a:prstGeom prst="rect">
              <a:avLst/>
            </a:prstGeom>
            <a:noFill/>
          </p:spPr>
          <p:txBody>
            <a:bodyPr rtlCol="0" wrap="none">
              <a:spAutoFit/>
            </a:bodyPr>
            <a:lstStyle/>
            <a:p txid="fd5ae14c60dba261556df79c70d8848d">
              <a:pPr algn="ctr">
                <a:buClr>
                  <a:srgbClr val="008CCF"/>
                </a:buClr>
              </a:pPr>
              <a:r>
                <a:rPr dirty="0" lang="en-US" sz="2400">
                  <a:solidFill>
                    <a:schemeClr val="accent1"/>
                  </a:solidFill>
                </a:rPr>
                <a:t>3. Peut visualiser uniquement</a:t>
              </a:r>
              <a:r>
                <a:rPr dirty="0" lang="en-US" sz="2400"/>
              </a:r>
              <a:r>
                <a:rPr dirty="0" lang="en-NO" sz="2400"/>
              </a:r>
            </a:p>
          </p:txBody>
        </p:sp>
        <p:pic>
          <p:nvPicPr>
            <p:cNvPr id="17" name="Picture 16">
              <a:extLst>
                <a:ext uri="{FF2B5EF4-FFF2-40B4-BE49-F238E27FC236}">
                  <a16:creationId xmlns:a16="http://schemas.microsoft.com/office/drawing/2014/main" id="{0DBE1ADF-93CA-08CC-0EB2-C10D43F4ACB6}"/>
                </a:ext>
              </a:extLst>
            </p:cNvPr>
            <p:cNvPicPr>
              <a:picLocks noChangeAspect="1"/>
            </p:cNvPicPr>
            <p:nvPr/>
          </p:nvPicPr>
          <p:blipFill>
            <a:blip r:embed="rId4"/>
            <a:stretch>
              <a:fillRect/>
            </a:stretch>
          </p:blipFill>
          <p:spPr>
            <a:xfrm>
              <a:off x="9041746" y="2949848"/>
              <a:ext cx="1286031" cy="716991"/>
            </a:xfrm>
            <a:prstGeom prst="rect">
              <a:avLst/>
            </a:prstGeom>
          </p:spPr>
        </p:pic>
      </p:grpSp>
      <p:grpSp>
        <p:nvGrpSpPr>
          <p:cNvPr id="18" name="Group 17">
            <a:extLst>
              <a:ext uri="{FF2B5EF4-FFF2-40B4-BE49-F238E27FC236}">
                <a16:creationId xmlns:a16="http://schemas.microsoft.com/office/drawing/2014/main" id="{227235CD-FC05-1125-BF4B-276683E93766}"/>
              </a:ext>
            </a:extLst>
          </p:cNvPr>
          <p:cNvGrpSpPr/>
          <p:nvPr/>
        </p:nvGrpSpPr>
        <p:grpSpPr>
          <a:xfrm>
            <a:off x="2120347" y="2221798"/>
            <a:ext cx="1414170" cy="1635925"/>
            <a:chOff x="1758841" y="2233344"/>
            <a:chExt cx="1414170" cy="1635925"/>
          </a:xfrm>
        </p:grpSpPr>
        <p:sp>
          <p:nvSpPr>
            <p:cNvPr id="19" name="TextBox 18">
              <a:extLst>
                <a:ext uri="{FF2B5EF4-FFF2-40B4-BE49-F238E27FC236}">
                  <a16:creationId xmlns:a16="http://schemas.microsoft.com/office/drawing/2014/main" id="{EDB111BA-622D-C421-2A1F-6E37C6B23793}"/>
                </a:ext>
              </a:extLst>
            </p:cNvPr>
            <p:cNvSpPr txBox="1"/>
            <p:nvPr/>
          </p:nvSpPr>
          <p:spPr>
            <a:xfrm>
              <a:off x="1758841" y="2233344"/>
              <a:ext cx="1414170" cy="461665"/>
            </a:xfrm>
            <a:prstGeom prst="rect">
              <a:avLst/>
            </a:prstGeom>
            <a:noFill/>
          </p:spPr>
          <p:txBody>
            <a:bodyPr rtlCol="0" wrap="none">
              <a:spAutoFit/>
            </a:bodyPr>
            <a:lstStyle/>
            <a:p txid="6846ba559f7f55c20a67d890d03d20e0">
              <a:pPr algn="ctr" indent="-457200" marL="457200">
                <a:buClr>
                  <a:srgbClr val="008CCF"/>
                </a:buClr>
                <a:buFont typeface="+mj-lt"/>
                <a:buAutoNum type="arabicPeriod"/>
              </a:pPr>
              <a:r>
                <a:rPr dirty="0" lang="en-NO" sz="2400"/>
                <a:t>Aucun</a:t>
              </a:r>
            </a:p>
          </p:txBody>
        </p:sp>
        <p:pic>
          <p:nvPicPr>
            <p:cNvPr descr="No sign with solid fill" id="20" name="Graphic 19">
              <a:extLst>
                <a:ext uri="{FF2B5EF4-FFF2-40B4-BE49-F238E27FC236}">
                  <a16:creationId xmlns:a16="http://schemas.microsoft.com/office/drawing/2014/main" id="{E38BE29F-56E3-0CDC-75F1-F8A5AFC37022}"/>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905000" y="2747417"/>
              <a:ext cx="1121852" cy="1121852"/>
            </a:xfrm>
            <a:prstGeom prst="rect">
              <a:avLst/>
            </a:prstGeom>
          </p:spPr>
        </p:pic>
      </p:grpSp>
      <p:grpSp>
        <p:nvGrpSpPr>
          <p:cNvPr id="21" name="Group 20">
            <a:extLst>
              <a:ext uri="{FF2B5EF4-FFF2-40B4-BE49-F238E27FC236}">
                <a16:creationId xmlns:a16="http://schemas.microsoft.com/office/drawing/2014/main" id="{BED5669C-54DF-1C10-16D4-EFA1FFF619B9}"/>
              </a:ext>
            </a:extLst>
          </p:cNvPr>
          <p:cNvGrpSpPr/>
          <p:nvPr/>
        </p:nvGrpSpPr>
        <p:grpSpPr>
          <a:xfrm>
            <a:off x="4147088" y="2221798"/>
            <a:ext cx="3933706" cy="1592180"/>
            <a:chOff x="3974445" y="2231850"/>
            <a:chExt cx="3933706" cy="1592180"/>
          </a:xfrm>
        </p:grpSpPr>
        <p:sp>
          <p:nvSpPr>
            <p:cNvPr id="22" name="TextBox 21">
              <a:extLst>
                <a:ext uri="{FF2B5EF4-FFF2-40B4-BE49-F238E27FC236}">
                  <a16:creationId xmlns:a16="http://schemas.microsoft.com/office/drawing/2014/main" id="{1F2AB3A6-4F08-1A37-9AF2-7504AB4BB00C}"/>
                </a:ext>
              </a:extLst>
            </p:cNvPr>
            <p:cNvSpPr txBox="1"/>
            <p:nvPr/>
          </p:nvSpPr>
          <p:spPr>
            <a:xfrm>
              <a:off x="3974445" y="2231850"/>
              <a:ext cx="3933706" cy="461665"/>
            </a:xfrm>
            <a:prstGeom prst="rect">
              <a:avLst/>
            </a:prstGeom>
            <a:noFill/>
          </p:spPr>
          <p:txBody>
            <a:bodyPr rtlCol="0" wrap="none">
              <a:spAutoFit/>
            </a:bodyPr>
            <a:lstStyle/>
            <a:p txid="2467e92025804b71602249e0092bea10">
              <a:pPr algn="ctr">
                <a:buClr>
                  <a:srgbClr val="008CCF"/>
                </a:buClr>
              </a:pPr>
              <a:r>
                <a:rPr dirty="0" lang="en-US" sz="2400">
                  <a:solidFill>
                    <a:schemeClr val="accent1"/>
                  </a:solidFill>
                </a:rPr>
                <a:t>2.  Peut saisir et visualiser</a:t>
              </a:r>
              <a:r>
                <a:rPr dirty="0" lang="en-US" sz="2400"/>
              </a:r>
              <a:r>
                <a:rPr dirty="0" lang="en-NO" sz="2400"/>
              </a:r>
            </a:p>
          </p:txBody>
        </p:sp>
        <p:grpSp>
          <p:nvGrpSpPr>
            <p:cNvPr id="23" name="Group 22">
              <a:extLst>
                <a:ext uri="{FF2B5EF4-FFF2-40B4-BE49-F238E27FC236}">
                  <a16:creationId xmlns:a16="http://schemas.microsoft.com/office/drawing/2014/main" id="{2D33E394-2A50-ACF7-71B5-1815DCD52FEA}"/>
                </a:ext>
              </a:extLst>
            </p:cNvPr>
            <p:cNvGrpSpPr/>
            <p:nvPr/>
          </p:nvGrpSpPr>
          <p:grpSpPr>
            <a:xfrm>
              <a:off x="4675662" y="2792657"/>
              <a:ext cx="2531273" cy="1031373"/>
              <a:chOff x="4937282" y="2792657"/>
              <a:chExt cx="2531273" cy="1031373"/>
            </a:xfrm>
          </p:grpSpPr>
          <p:pic>
            <p:nvPicPr>
              <p:cNvPr id="24" name="Picture 23">
                <a:extLst>
                  <a:ext uri="{FF2B5EF4-FFF2-40B4-BE49-F238E27FC236}">
                    <a16:creationId xmlns:a16="http://schemas.microsoft.com/office/drawing/2014/main" id="{659843D8-5024-1730-2A17-D1B688C3B6F0}"/>
                  </a:ext>
                </a:extLst>
              </p:cNvPr>
              <p:cNvPicPr>
                <a:picLocks noChangeAspect="1"/>
              </p:cNvPicPr>
              <p:nvPr/>
            </p:nvPicPr>
            <p:blipFill>
              <a:blip r:embed="rId4"/>
              <a:stretch>
                <a:fillRect/>
              </a:stretch>
            </p:blipFill>
            <p:spPr>
              <a:xfrm>
                <a:off x="6182524" y="2949848"/>
                <a:ext cx="1286031" cy="716991"/>
              </a:xfrm>
              <a:prstGeom prst="rect">
                <a:avLst/>
              </a:prstGeom>
            </p:spPr>
          </p:pic>
          <p:pic>
            <p:nvPicPr>
              <p:cNvPr id="25" name="Picture 24">
                <a:extLst>
                  <a:ext uri="{FF2B5EF4-FFF2-40B4-BE49-F238E27FC236}">
                    <a16:creationId xmlns:a16="http://schemas.microsoft.com/office/drawing/2014/main" id="{EEEAB999-588A-D972-C8A7-F1AED8883EF5}"/>
                  </a:ext>
                </a:extLst>
              </p:cNvPr>
              <p:cNvPicPr>
                <a:picLocks noChangeAspect="1"/>
              </p:cNvPicPr>
              <p:nvPr/>
            </p:nvPicPr>
            <p:blipFill>
              <a:blip r:embed="rId7"/>
              <a:stretch>
                <a:fillRect/>
              </a:stretch>
            </p:blipFill>
            <p:spPr>
              <a:xfrm>
                <a:off x="4937282" y="2792657"/>
                <a:ext cx="1031373" cy="1031373"/>
              </a:xfrm>
              <a:prstGeom prst="rect">
                <a:avLst/>
              </a:prstGeom>
            </p:spPr>
          </p:pic>
        </p:grpSp>
      </p:grpSp>
      <p:sp>
        <p:nvSpPr>
          <p:cNvPr id="26" name="!!sharingbox">
            <a:extLst>
              <a:ext uri="{FF2B5EF4-FFF2-40B4-BE49-F238E27FC236}">
                <a16:creationId xmlns:a16="http://schemas.microsoft.com/office/drawing/2014/main" id="{104B8155-867E-3589-B859-C0934E64082C}"/>
              </a:ext>
            </a:extLst>
          </p:cNvPr>
          <p:cNvSpPr/>
          <p:nvPr/>
        </p:nvSpPr>
        <p:spPr>
          <a:xfrm>
            <a:off x="4779334" y="1295400"/>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9fb75cfcf19533f66befd47cad6b6c5">
            <a:pPr algn="ctr"/>
            <a:r>
              <a:rPr lang="es-ES" sz="2400"/>
              <a:t>Données</a:t>
            </a:r>
            <a:endParaRPr dirty="0" lang="en-NO" sz="2400"/>
          </a:p>
        </p:txBody>
      </p:sp>
      <p:sp>
        <p:nvSpPr>
          <p:cNvPr id="29" name="Freeform: Shape 28">
            <a:extLst>
              <a:ext uri="{FF2B5EF4-FFF2-40B4-BE49-F238E27FC236}">
                <a16:creationId xmlns:a16="http://schemas.microsoft.com/office/drawing/2014/main" id="{CF5E0F9D-6455-09B4-C836-D81417AA5CB3}"/>
              </a:ext>
            </a:extLst>
          </p:cNvPr>
          <p:cNvSpPr/>
          <p:nvPr/>
        </p:nvSpPr>
        <p:spPr>
          <a:xfrm>
            <a:off x="0" y="0"/>
            <a:ext cx="12254023" cy="6858000"/>
          </a:xfrm>
          <a:custGeom>
            <a:avLst/>
            <a:gdLst>
              <a:gd fmla="*/ 8308040 w 12254023" name="connsiteX0"/>
              <a:gd fmla="*/ 2137144 h 6858000" name="connsiteY0"/>
              <a:gd fmla="*/ 8165805 w 12254023" name="connsiteX1"/>
              <a:gd fmla="*/ 2279379 h 6858000" name="connsiteY1"/>
              <a:gd fmla="*/ 8165805 w 12254023" name="connsiteX2"/>
              <a:gd fmla="*/ 3940667 h 6858000" name="connsiteY2"/>
              <a:gd fmla="*/ 8308040 w 12254023" name="connsiteX3"/>
              <a:gd fmla="*/ 4082902 h 6858000" name="connsiteY3"/>
              <a:gd fmla="*/ 11075114 w 12254023" name="connsiteX4"/>
              <a:gd fmla="*/ 4082902 h 6858000" name="connsiteY4"/>
              <a:gd fmla="*/ 11217349 w 12254023" name="connsiteX5"/>
              <a:gd fmla="*/ 3940667 h 6858000" name="connsiteY5"/>
              <a:gd fmla="*/ 11217349 w 12254023" name="connsiteX6"/>
              <a:gd fmla="*/ 2279379 h 6858000" name="connsiteY6"/>
              <a:gd fmla="*/ 11075114 w 12254023" name="connsiteX7"/>
              <a:gd fmla="*/ 2137144 h 6858000" name="connsiteY7"/>
              <a:gd fmla="*/ 0 w 12254023" name="connsiteX8"/>
              <a:gd fmla="*/ 0 h 6858000" name="connsiteY8"/>
              <a:gd fmla="*/ 12254023 w 12254023" name="connsiteX9"/>
              <a:gd fmla="*/ 0 h 6858000" name="connsiteY9"/>
              <a:gd fmla="*/ 12254023 w 12254023" name="connsiteX10"/>
              <a:gd fmla="*/ 6858000 h 6858000" name="connsiteY10"/>
              <a:gd fmla="*/ 0 w 12254023" name="connsiteX11"/>
              <a:gd fmla="*/ 6858000 h 6858000" name="connsiteY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b="b" l="l" r="r" t="t"/>
            <a:pathLst>
              <a:path h="6858000" w="12254023">
                <a:moveTo>
                  <a:pt x="8308040" y="2137144"/>
                </a:moveTo>
                <a:cubicBezTo>
                  <a:pt x="8229486" y="2137144"/>
                  <a:pt x="8165805" y="2200825"/>
                  <a:pt x="8165805" y="2279379"/>
                </a:cubicBezTo>
                <a:lnTo>
                  <a:pt x="8165805" y="3940667"/>
                </a:lnTo>
                <a:cubicBezTo>
                  <a:pt x="8165805" y="4019221"/>
                  <a:pt x="8229486" y="4082902"/>
                  <a:pt x="8308040" y="4082902"/>
                </a:cubicBezTo>
                <a:lnTo>
                  <a:pt x="11075114" y="4082902"/>
                </a:lnTo>
                <a:cubicBezTo>
                  <a:pt x="11153668" y="4082902"/>
                  <a:pt x="11217349" y="4019221"/>
                  <a:pt x="11217349" y="3940667"/>
                </a:cubicBezTo>
                <a:lnTo>
                  <a:pt x="11217349" y="2279379"/>
                </a:lnTo>
                <a:cubicBezTo>
                  <a:pt x="11217349" y="2200825"/>
                  <a:pt x="11153668" y="2137144"/>
                  <a:pt x="11075114" y="2137144"/>
                </a:cubicBezTo>
                <a:close/>
                <a:moveTo>
                  <a:pt x="0" y="0"/>
                </a:moveTo>
                <a:lnTo>
                  <a:pt x="12254023" y="0"/>
                </a:lnTo>
                <a:lnTo>
                  <a:pt x="12254023" y="6858000"/>
                </a:lnTo>
                <a:lnTo>
                  <a:pt x="0" y="6858000"/>
                </a:lnTo>
                <a:close/>
              </a:path>
            </a:pathLst>
          </a:custGeom>
          <a:solidFill>
            <a:schemeClr val="tx1">
              <a:lumMod val="75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30" name="Rectangle: Rounded Corners 29">
            <a:extLst>
              <a:ext uri="{FF2B5EF4-FFF2-40B4-BE49-F238E27FC236}">
                <a16:creationId xmlns:a16="http://schemas.microsoft.com/office/drawing/2014/main" id="{5D886148-7160-FF10-8CA8-8081548F0804}"/>
              </a:ext>
            </a:extLst>
          </p:cNvPr>
          <p:cNvSpPr/>
          <p:nvPr/>
        </p:nvSpPr>
        <p:spPr>
          <a:xfrm>
            <a:off x="3897091" y="1743247"/>
            <a:ext cx="4059110" cy="3847183"/>
          </a:xfrm>
          <a:prstGeom prst="roundRect">
            <a:avLst>
              <a:gd fmla="val 7813" name="adj"/>
            </a:avLst>
          </a:prstGeom>
          <a:solidFill>
            <a:schemeClr val="bg1"/>
          </a:solidFill>
          <a:ln w="28575">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anchor="t" rtlCol="0"/>
          <a:lstStyle/>
          <a:p txid="5e30f10f2835e3705f854105101ca0a3">
            <a:pPr indent="-342900" marL="342900">
              <a:buClr>
                <a:schemeClr val="accent1"/>
              </a:buClr>
              <a:buFont charset="0" panose="020B0604020202020204" pitchFamily="34" typeface="Arial"/>
              <a:buChar char="•"/>
            </a:pPr>
            <a:r>
              <a:rPr lang="en-US" sz="2400">
                <a:solidFill>
                  <a:schemeClr val="tx1"/>
                </a:solidFill>
              </a:rPr>
              <a:t>Visualiser les données associées aux métadonnées sélectionnées</a:t>
            </a:r>
            <a:endParaRPr lang="es-ES" sz="2400"/>
          </a:p>
        </p:txBody>
      </p:sp>
      <p:pic>
        <p:nvPicPr>
          <p:cNvPr id="31" name="Graphic 30">
            <a:extLst>
              <a:ext uri="{FF2B5EF4-FFF2-40B4-BE49-F238E27FC236}">
                <a16:creationId xmlns:a16="http://schemas.microsoft.com/office/drawing/2014/main" id="{D67F96EE-116B-1FB6-1A2E-CE8E4CB7DD20}"/>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4432665" y="3429000"/>
            <a:ext cx="1493321" cy="1095209"/>
          </a:xfrm>
          <a:prstGeom prst="rect">
            <a:avLst/>
          </a:prstGeom>
        </p:spPr>
      </p:pic>
      <p:pic>
        <p:nvPicPr>
          <p:cNvPr id="32" name="Graphic 31">
            <a:extLst>
              <a:ext uri="{FF2B5EF4-FFF2-40B4-BE49-F238E27FC236}">
                <a16:creationId xmlns:a16="http://schemas.microsoft.com/office/drawing/2014/main" id="{A5AAA213-E0DB-17C3-D131-707BC400AFD5}"/>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6530038" y="3186109"/>
            <a:ext cx="601707" cy="1326074"/>
          </a:xfrm>
          <a:prstGeom prst="rect">
            <a:avLst/>
          </a:prstGeom>
        </p:spPr>
      </p:pic>
      <p:grpSp>
        <p:nvGrpSpPr>
          <p:cNvPr id="33" name="Group 32">
            <a:extLst>
              <a:ext uri="{FF2B5EF4-FFF2-40B4-BE49-F238E27FC236}">
                <a16:creationId xmlns:a16="http://schemas.microsoft.com/office/drawing/2014/main" id="{2667C74D-C44E-36EF-B829-CF32868BDF0D}"/>
              </a:ext>
            </a:extLst>
          </p:cNvPr>
          <p:cNvGrpSpPr/>
          <p:nvPr/>
        </p:nvGrpSpPr>
        <p:grpSpPr>
          <a:xfrm>
            <a:off x="4688123" y="3443794"/>
            <a:ext cx="2059532" cy="1075684"/>
            <a:chOff x="1671165" y="2522230"/>
            <a:chExt cx="3435654" cy="1794426"/>
          </a:xfrm>
        </p:grpSpPr>
        <p:sp>
          <p:nvSpPr>
            <p:cNvPr id="34" name="Freeform: Shape 33">
              <a:extLst>
                <a:ext uri="{FF2B5EF4-FFF2-40B4-BE49-F238E27FC236}">
                  <a16:creationId xmlns:a16="http://schemas.microsoft.com/office/drawing/2014/main" id="{55CDD515-AE38-CECD-4BA1-66BAF3D5051E}"/>
                </a:ext>
              </a:extLst>
            </p:cNvPr>
            <p:cNvSpPr/>
            <p:nvPr/>
          </p:nvSpPr>
          <p:spPr>
            <a:xfrm rot="21573000">
              <a:off x="3588865" y="2549439"/>
              <a:ext cx="37336" cy="37336"/>
            </a:xfrm>
            <a:custGeom>
              <a:avLst/>
              <a:gdLst>
                <a:gd fmla="*/ 52609 w 52609" name="connsiteX0"/>
                <a:gd fmla="*/ 26305 h 52609" name="connsiteY0"/>
                <a:gd fmla="*/ 26305 w 52609" name="connsiteX1"/>
                <a:gd fmla="*/ 52610 h 52609" name="connsiteY1"/>
                <a:gd fmla="*/ 0 w 52609" name="connsiteX2"/>
                <a:gd fmla="*/ 26305 h 52609" name="connsiteY2"/>
                <a:gd fmla="*/ 26305 w 52609" name="connsiteX3"/>
                <a:gd fmla="*/ 0 h 52609" name="connsiteY3"/>
                <a:gd fmla="*/ 52609 w 52609" name="connsiteX4"/>
                <a:gd fmla="*/ 26305 h 52609"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2609" w="52609">
                  <a:moveTo>
                    <a:pt x="52609" y="26305"/>
                  </a:moveTo>
                  <a:cubicBezTo>
                    <a:pt x="52609" y="40832"/>
                    <a:pt x="40832" y="52610"/>
                    <a:pt x="26305" y="52610"/>
                  </a:cubicBezTo>
                  <a:cubicBezTo>
                    <a:pt x="11777" y="52610"/>
                    <a:pt x="0" y="40832"/>
                    <a:pt x="0" y="26305"/>
                  </a:cubicBezTo>
                  <a:cubicBezTo>
                    <a:pt x="0" y="11777"/>
                    <a:pt x="11777" y="0"/>
                    <a:pt x="26305" y="0"/>
                  </a:cubicBezTo>
                  <a:cubicBezTo>
                    <a:pt x="40832" y="0"/>
                    <a:pt x="52609" y="11777"/>
                    <a:pt x="52609" y="26305"/>
                  </a:cubicBezTo>
                  <a:close/>
                </a:path>
              </a:pathLst>
            </a:custGeom>
            <a:solidFill>
              <a:srgbClr val="FF8F02"/>
            </a:solidFill>
            <a:ln cap="flat" w="4680">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97B1A8C0-00B1-CA39-314D-06F5F07DAFD5}"/>
                </a:ext>
              </a:extLst>
            </p:cNvPr>
            <p:cNvSpPr/>
            <p:nvPr/>
          </p:nvSpPr>
          <p:spPr>
            <a:xfrm>
              <a:off x="2120535" y="4214047"/>
              <a:ext cx="2986284" cy="102609"/>
            </a:xfrm>
            <a:custGeom>
              <a:avLst/>
              <a:gdLst>
                <a:gd fmla="*/ 4206049 w 4207827" name="connsiteX0"/>
                <a:gd fmla="*/ 0 h 144582" name="connsiteY0"/>
                <a:gd fmla="*/ 2403751 w 4207827" name="connsiteX1"/>
                <a:gd fmla="*/ 0 h 144582" name="connsiteY1"/>
                <a:gd fmla="*/ 2362983 w 4207827" name="connsiteX2"/>
                <a:gd fmla="*/ 65715 h 144582" name="connsiteY2"/>
                <a:gd fmla="*/ 1840866 w 4207827" name="connsiteX3"/>
                <a:gd fmla="*/ 65715 h 144582" name="connsiteY3"/>
                <a:gd fmla="*/ 1800098 w 4207827" name="connsiteX4"/>
                <a:gd fmla="*/ 0 h 144582" name="connsiteY4"/>
                <a:gd fmla="*/ 1825 w 4207827" name="connsiteX5"/>
                <a:gd fmla="*/ 0 h 144582" name="connsiteY5"/>
                <a:gd fmla="*/ 0 w 4207827" name="connsiteX6"/>
                <a:gd fmla="*/ 3604 h 144582" name="connsiteY6"/>
                <a:gd fmla="*/ 238615 w 4207827" name="connsiteX7"/>
                <a:gd fmla="*/ 144583 h 144582" name="connsiteY7"/>
                <a:gd fmla="*/ 3969212 w 4207827" name="connsiteX8"/>
                <a:gd fmla="*/ 144583 h 144582" name="connsiteY8"/>
                <a:gd fmla="*/ 4207827 w 4207827" name="connsiteX9"/>
                <a:gd fmla="*/ 3604 h 144582" name="connsiteY9"/>
                <a:gd fmla="*/ 4206002 w 4207827" name="connsiteX10"/>
                <a:gd fmla="*/ 0 h 144582" name="connsiteY1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b="b" l="l" r="r" t="t"/>
              <a:pathLst>
                <a:path h="144582" w="4207827">
                  <a:moveTo>
                    <a:pt x="4206049" y="0"/>
                  </a:moveTo>
                  <a:lnTo>
                    <a:pt x="2403751" y="0"/>
                  </a:lnTo>
                  <a:cubicBezTo>
                    <a:pt x="2402955" y="43155"/>
                    <a:pt x="2384935" y="65715"/>
                    <a:pt x="2362983" y="65715"/>
                  </a:cubicBezTo>
                  <a:lnTo>
                    <a:pt x="1840866" y="65715"/>
                  </a:lnTo>
                  <a:cubicBezTo>
                    <a:pt x="1818914" y="65715"/>
                    <a:pt x="1800894" y="43155"/>
                    <a:pt x="1800098" y="0"/>
                  </a:cubicBezTo>
                  <a:lnTo>
                    <a:pt x="1825" y="0"/>
                  </a:lnTo>
                  <a:cubicBezTo>
                    <a:pt x="843" y="0"/>
                    <a:pt x="0" y="1638"/>
                    <a:pt x="0" y="3604"/>
                  </a:cubicBezTo>
                  <a:cubicBezTo>
                    <a:pt x="0" y="70817"/>
                    <a:pt x="149731" y="129699"/>
                    <a:pt x="238615" y="144583"/>
                  </a:cubicBezTo>
                  <a:lnTo>
                    <a:pt x="3969212" y="144583"/>
                  </a:lnTo>
                  <a:cubicBezTo>
                    <a:pt x="4058143" y="129699"/>
                    <a:pt x="4207827" y="70817"/>
                    <a:pt x="4207827" y="3604"/>
                  </a:cubicBezTo>
                  <a:cubicBezTo>
                    <a:pt x="4207827" y="1638"/>
                    <a:pt x="4207031" y="0"/>
                    <a:pt x="4206002" y="0"/>
                  </a:cubicBezTo>
                  <a:close/>
                </a:path>
              </a:pathLst>
            </a:custGeom>
            <a:solidFill>
              <a:srgbClr val="093371"/>
            </a:solidFill>
            <a:ln cap="flat" w="4680">
              <a:noFill/>
              <a:prstDash val="solid"/>
              <a:miter/>
            </a:ln>
          </p:spPr>
          <p:txBody>
            <a:bodyPr anchor="ctr" rtlCol="0"/>
            <a:lstStyle/>
            <a:p>
              <a:endParaRPr lang="es-ES"/>
            </a:p>
          </p:txBody>
        </p:sp>
        <p:sp>
          <p:nvSpPr>
            <p:cNvPr id="36" name="Freeform: Shape 35">
              <a:extLst>
                <a:ext uri="{FF2B5EF4-FFF2-40B4-BE49-F238E27FC236}">
                  <a16:creationId xmlns:a16="http://schemas.microsoft.com/office/drawing/2014/main" id="{530FC0FA-CA72-B454-422D-BEE7B6FC2F2D}"/>
                </a:ext>
              </a:extLst>
            </p:cNvPr>
            <p:cNvSpPr/>
            <p:nvPr/>
          </p:nvSpPr>
          <p:spPr>
            <a:xfrm>
              <a:off x="3568867" y="2653640"/>
              <a:ext cx="1123992" cy="1392292"/>
            </a:xfrm>
            <a:custGeom>
              <a:avLst/>
              <a:gdLst>
                <a:gd fmla="*/ 1140513 w 1583762" name="connsiteX0"/>
                <a:gd fmla="*/ 0 h 1961811" name="connsiteY0"/>
                <a:gd fmla="*/ 1549126 w 1583762" name="connsiteX1"/>
                <a:gd fmla="*/ 0 h 1961811" name="connsiteY1"/>
                <a:gd fmla="*/ 1583762 w 1583762" name="connsiteX2"/>
                <a:gd fmla="*/ 34636 h 1961811" name="connsiteY2"/>
                <a:gd fmla="*/ 1583762 w 1583762" name="connsiteX3"/>
                <a:gd fmla="*/ 1927175 h 1961811" name="connsiteY3"/>
                <a:gd fmla="*/ 1549126 w 1583762" name="connsiteX4"/>
                <a:gd fmla="*/ 1961811 h 1961811" name="connsiteY4"/>
                <a:gd fmla="*/ 0 w 1583762" name="connsiteX5"/>
                <a:gd fmla="*/ 1961811 h 1961811" name="connsiteY5"/>
                <a:gd fmla="*/ 1140513 w 1583762" name="connsiteX6"/>
                <a:gd fmla="*/ 0 h 1961811"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961811" w="1583762">
                  <a:moveTo>
                    <a:pt x="1140513" y="0"/>
                  </a:moveTo>
                  <a:lnTo>
                    <a:pt x="1549126" y="0"/>
                  </a:lnTo>
                  <a:cubicBezTo>
                    <a:pt x="1568270" y="0"/>
                    <a:pt x="1583762" y="15493"/>
                    <a:pt x="1583762" y="34636"/>
                  </a:cubicBezTo>
                  <a:lnTo>
                    <a:pt x="1583762" y="1927175"/>
                  </a:lnTo>
                  <a:cubicBezTo>
                    <a:pt x="1583762" y="1946319"/>
                    <a:pt x="1568270" y="1961811"/>
                    <a:pt x="1549126" y="1961811"/>
                  </a:cubicBezTo>
                  <a:lnTo>
                    <a:pt x="0" y="1961811"/>
                  </a:lnTo>
                  <a:lnTo>
                    <a:pt x="1140513" y="0"/>
                  </a:lnTo>
                  <a:close/>
                </a:path>
              </a:pathLst>
            </a:custGeom>
            <a:solidFill>
              <a:srgbClr val="2196F3"/>
            </a:solidFill>
            <a:ln cap="flat" w="4680">
              <a:noFill/>
              <a:prstDash val="solid"/>
              <a:miter/>
            </a:ln>
          </p:spPr>
          <p:txBody>
            <a:bodyPr anchor="ctr" rtlCol="0"/>
            <a:lstStyle/>
            <a:p>
              <a:endParaRPr lang="es-ES"/>
            </a:p>
          </p:txBody>
        </p:sp>
        <p:sp>
          <p:nvSpPr>
            <p:cNvPr id="37" name="Freeform: Shape 36">
              <a:extLst>
                <a:ext uri="{FF2B5EF4-FFF2-40B4-BE49-F238E27FC236}">
                  <a16:creationId xmlns:a16="http://schemas.microsoft.com/office/drawing/2014/main" id="{3EAFFB70-88B7-2DBA-AF5C-7286D52D175E}"/>
                </a:ext>
              </a:extLst>
            </p:cNvPr>
            <p:cNvSpPr/>
            <p:nvPr/>
          </p:nvSpPr>
          <p:spPr>
            <a:xfrm>
              <a:off x="2407471" y="2522230"/>
              <a:ext cx="2399357" cy="1641990"/>
            </a:xfrm>
            <a:custGeom>
              <a:avLst/>
              <a:gdLst>
                <a:gd fmla="*/ 3319316 w 3380817" name="connsiteX0"/>
                <a:gd fmla="*/ 0 h 2313649" name="connsiteY0"/>
                <a:gd fmla="*/ 61503 w 3380817" name="connsiteX1"/>
                <a:gd fmla="*/ 0 h 2313649" name="connsiteY1"/>
                <a:gd fmla="*/ 0 w 3380817" name="connsiteX2"/>
                <a:gd fmla="*/ 61503 h 2313649" name="connsiteY2"/>
                <a:gd fmla="*/ 0 w 3380817" name="connsiteX3"/>
                <a:gd fmla="*/ 318466 h 2313649" name="connsiteY3"/>
                <a:gd fmla="*/ 128435 w 3380817" name="connsiteX4"/>
                <a:gd fmla="*/ 318887 h 2313649" name="connsiteY4"/>
                <a:gd fmla="*/ 128435 w 3380817" name="connsiteX5"/>
                <a:gd fmla="*/ 165037 h 2313649" name="connsiteY5"/>
                <a:gd fmla="*/ 163445 w 3380817" name="connsiteX6"/>
                <a:gd fmla="*/ 129745 h 2313649" name="connsiteY6"/>
                <a:gd fmla="*/ 3237921 w 3380817" name="connsiteX7"/>
                <a:gd fmla="*/ 129745 h 2313649" name="connsiteY7"/>
                <a:gd fmla="*/ 3272931 w 3380817" name="connsiteX8"/>
                <a:gd fmla="*/ 165037 h 2313649" name="connsiteY8"/>
                <a:gd fmla="*/ 3272931 w 3380817" name="connsiteX9"/>
                <a:gd fmla="*/ 2165229 h 2313649" name="connsiteY9"/>
                <a:gd fmla="*/ 3237921 w 3380817" name="connsiteX10"/>
                <a:gd fmla="*/ 2200520 h 2313649" name="connsiteY10"/>
                <a:gd fmla="*/ 163445 w 3380817" name="connsiteX11"/>
                <a:gd fmla="*/ 2200520 h 2313649" name="connsiteY11"/>
                <a:gd fmla="*/ 128435 w 3380817" name="connsiteX12"/>
                <a:gd fmla="*/ 2165229 h 2313649" name="connsiteY12"/>
                <a:gd fmla="*/ 128435 w 3380817" name="connsiteX13"/>
                <a:gd fmla="*/ 1989052 h 2313649" name="connsiteY13"/>
                <a:gd fmla="*/ 0 w 3380817" name="connsiteX14"/>
                <a:gd fmla="*/ 1989707 h 2313649" name="connsiteY14"/>
                <a:gd fmla="*/ 0 w 3380817" name="connsiteX15"/>
                <a:gd fmla="*/ 2252147 h 2313649" name="connsiteY15"/>
                <a:gd fmla="*/ 61503 w 3380817" name="connsiteX16"/>
                <a:gd fmla="*/ 2313649 h 2313649" name="connsiteY16"/>
                <a:gd fmla="*/ 3319316 w 3380817" name="connsiteX17"/>
                <a:gd fmla="*/ 2313649 h 2313649" name="connsiteY17"/>
                <a:gd fmla="*/ 3380818 w 3380817" name="connsiteX18"/>
                <a:gd fmla="*/ 2252147 h 2313649" name="connsiteY18"/>
                <a:gd fmla="*/ 3380818 w 3380817" name="connsiteX19"/>
                <a:gd fmla="*/ 61503 h 2313649" name="connsiteY19"/>
                <a:gd fmla="*/ 3319316 w 3380817" name="connsiteX20"/>
                <a:gd fmla="*/ 0 h 2313649" name="connsiteY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Lst>
              <a:rect b="b" l="l" r="r" t="t"/>
              <a:pathLst>
                <a:path h="2313649" w="3380817">
                  <a:moveTo>
                    <a:pt x="3319316" y="0"/>
                  </a:moveTo>
                  <a:lnTo>
                    <a:pt x="61503" y="0"/>
                  </a:lnTo>
                  <a:cubicBezTo>
                    <a:pt x="27662" y="0"/>
                    <a:pt x="0" y="27662"/>
                    <a:pt x="0" y="61503"/>
                  </a:cubicBezTo>
                  <a:lnTo>
                    <a:pt x="0" y="318466"/>
                  </a:lnTo>
                  <a:lnTo>
                    <a:pt x="128435" y="318887"/>
                  </a:lnTo>
                  <a:lnTo>
                    <a:pt x="128435" y="165037"/>
                  </a:lnTo>
                  <a:cubicBezTo>
                    <a:pt x="128435" y="145566"/>
                    <a:pt x="144115" y="129745"/>
                    <a:pt x="163445" y="129745"/>
                  </a:cubicBezTo>
                  <a:lnTo>
                    <a:pt x="3237921" y="129745"/>
                  </a:lnTo>
                  <a:cubicBezTo>
                    <a:pt x="3257251" y="129745"/>
                    <a:pt x="3272931" y="145566"/>
                    <a:pt x="3272931" y="165037"/>
                  </a:cubicBezTo>
                  <a:lnTo>
                    <a:pt x="3272931" y="2165229"/>
                  </a:lnTo>
                  <a:cubicBezTo>
                    <a:pt x="3272931" y="2184700"/>
                    <a:pt x="3257251" y="2200520"/>
                    <a:pt x="3237921" y="2200520"/>
                  </a:cubicBezTo>
                  <a:lnTo>
                    <a:pt x="163445" y="2200520"/>
                  </a:lnTo>
                  <a:cubicBezTo>
                    <a:pt x="144115" y="2200520"/>
                    <a:pt x="128435" y="2184700"/>
                    <a:pt x="128435" y="2165229"/>
                  </a:cubicBezTo>
                  <a:lnTo>
                    <a:pt x="128435" y="1989052"/>
                  </a:lnTo>
                  <a:lnTo>
                    <a:pt x="0" y="1989707"/>
                  </a:lnTo>
                  <a:lnTo>
                    <a:pt x="0" y="2252147"/>
                  </a:lnTo>
                  <a:cubicBezTo>
                    <a:pt x="0" y="2285987"/>
                    <a:pt x="27662" y="2313649"/>
                    <a:pt x="61503" y="2313649"/>
                  </a:cubicBezTo>
                  <a:lnTo>
                    <a:pt x="3319316" y="2313649"/>
                  </a:lnTo>
                  <a:cubicBezTo>
                    <a:pt x="3353156" y="2313649"/>
                    <a:pt x="3380818" y="2285987"/>
                    <a:pt x="3380818" y="2252147"/>
                  </a:cubicBezTo>
                  <a:lnTo>
                    <a:pt x="3380818" y="61503"/>
                  </a:lnTo>
                  <a:cubicBezTo>
                    <a:pt x="3380818" y="27662"/>
                    <a:pt x="3353156" y="0"/>
                    <a:pt x="3319316" y="0"/>
                  </a:cubicBezTo>
                  <a:close/>
                </a:path>
              </a:pathLst>
            </a:custGeom>
            <a:solidFill>
              <a:srgbClr val="093371"/>
            </a:solidFill>
            <a:ln cap="flat" w="4680">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E53634F5-429D-306C-EEED-6E65CED90E13}"/>
                </a:ext>
              </a:extLst>
            </p:cNvPr>
            <p:cNvSpPr/>
            <p:nvPr/>
          </p:nvSpPr>
          <p:spPr>
            <a:xfrm>
              <a:off x="2405744" y="2748244"/>
              <a:ext cx="1727" cy="1186075"/>
            </a:xfrm>
            <a:custGeom>
              <a:avLst/>
              <a:gdLst>
                <a:gd fmla="*/ 0 w 2433" name="connsiteX0"/>
                <a:gd fmla="*/ 0 h 1671241" name="connsiteY0"/>
                <a:gd fmla="*/ 0 w 2433" name="connsiteX1"/>
                <a:gd fmla="*/ 1671242 h 1671241" name="connsiteY1"/>
                <a:gd fmla="*/ 2434 w 2433" name="connsiteX2"/>
                <a:gd fmla="*/ 1671242 h 1671241" name="connsiteY2"/>
                <a:gd fmla="*/ 2434 w 2433" name="connsiteX3"/>
                <a:gd fmla="*/ 0 h 1671241" name="connsiteY3"/>
                <a:gd fmla="*/ 0 w 2433" name="connsiteX4"/>
                <a:gd fmla="*/ 0 h 1671241"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671241" w="2433">
                  <a:moveTo>
                    <a:pt x="0" y="0"/>
                  </a:moveTo>
                  <a:lnTo>
                    <a:pt x="0" y="1671242"/>
                  </a:lnTo>
                  <a:lnTo>
                    <a:pt x="2434" y="1671242"/>
                  </a:lnTo>
                  <a:lnTo>
                    <a:pt x="2434" y="0"/>
                  </a:lnTo>
                  <a:lnTo>
                    <a:pt x="0" y="0"/>
                  </a:lnTo>
                  <a:close/>
                </a:path>
              </a:pathLst>
            </a:custGeom>
            <a:solidFill>
              <a:srgbClr val="FFFFFF"/>
            </a:solidFill>
            <a:ln cap="flat" w="4680">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39D9C1DE-DB71-0C96-B409-DA6932AAA9B7}"/>
                </a:ext>
              </a:extLst>
            </p:cNvPr>
            <p:cNvSpPr/>
            <p:nvPr/>
          </p:nvSpPr>
          <p:spPr>
            <a:xfrm>
              <a:off x="2040414" y="3546070"/>
              <a:ext cx="621472" cy="248004"/>
            </a:xfrm>
            <a:custGeom>
              <a:avLst/>
              <a:gdLst>
                <a:gd fmla="*/ 875687 w 875686" name="connsiteX0"/>
                <a:gd fmla="*/ 0 h 349450" name="connsiteY0"/>
                <a:gd fmla="*/ 405477 w 875686" name="connsiteX1"/>
                <a:gd fmla="*/ 0 h 349450" name="connsiteY1"/>
                <a:gd fmla="*/ 405477 w 875686" name="connsiteX2"/>
                <a:gd fmla="*/ 349451 h 349450" name="connsiteY2"/>
                <a:gd fmla="*/ 0 w 875686" name="connsiteX3"/>
                <a:gd fmla="*/ 349451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0"/>
                  </a:moveTo>
                  <a:lnTo>
                    <a:pt x="405477" y="0"/>
                  </a:lnTo>
                  <a:lnTo>
                    <a:pt x="405477" y="349451"/>
                  </a:lnTo>
                  <a:lnTo>
                    <a:pt x="0" y="349451"/>
                  </a:lnTo>
                </a:path>
              </a:pathLst>
            </a:custGeom>
            <a:noFill/>
            <a:ln cap="rnd" w="83624">
              <a:solidFill>
                <a:srgbClr val="093371"/>
              </a:solidFill>
              <a:prstDash val="solid"/>
              <a:round/>
            </a:ln>
          </p:spPr>
          <p:txBody>
            <a:bodyPr anchor="ctr" rtlCol="0"/>
            <a:lstStyle/>
            <a:p>
              <a:endParaRPr lang="es-ES"/>
            </a:p>
          </p:txBody>
        </p:sp>
        <p:sp>
          <p:nvSpPr>
            <p:cNvPr id="40" name="Freeform: Shape 39">
              <a:extLst>
                <a:ext uri="{FF2B5EF4-FFF2-40B4-BE49-F238E27FC236}">
                  <a16:creationId xmlns:a16="http://schemas.microsoft.com/office/drawing/2014/main" id="{5CA27177-A9EF-8698-C7FD-E54D6E395D5D}"/>
                </a:ext>
              </a:extLst>
            </p:cNvPr>
            <p:cNvSpPr/>
            <p:nvPr/>
          </p:nvSpPr>
          <p:spPr>
            <a:xfrm>
              <a:off x="2040414" y="3351977"/>
              <a:ext cx="326564" cy="3321"/>
            </a:xfrm>
            <a:custGeom>
              <a:avLst/>
              <a:gdLst>
                <a:gd fmla="*/ 0 w 460146" name="connsiteX0"/>
                <a:gd fmla="*/ 0 h 4680" name="connsiteY0"/>
                <a:gd fmla="*/ 460146 w 460146" name="connsiteX1"/>
                <a:gd fmla="*/ 0 h 4680" name="connsiteY1"/>
              </a:gdLst>
              <a:ahLst/>
              <a:cxnLst>
                <a:cxn ang="0">
                  <a:pos x="connsiteX0" y="connsiteY0"/>
                </a:cxn>
                <a:cxn ang="0">
                  <a:pos x="connsiteX1" y="connsiteY1"/>
                </a:cxn>
              </a:cxnLst>
              <a:rect b="b" l="l" r="r" t="t"/>
              <a:pathLst>
                <a:path h="4680" w="460146">
                  <a:moveTo>
                    <a:pt x="0" y="0"/>
                  </a:moveTo>
                  <a:lnTo>
                    <a:pt x="460146" y="0"/>
                  </a:lnTo>
                </a:path>
              </a:pathLst>
            </a:custGeom>
            <a:ln cap="rnd" w="83624">
              <a:solidFill>
                <a:srgbClr val="093371"/>
              </a:solidFill>
              <a:prstDash val="solid"/>
              <a:round/>
            </a:ln>
          </p:spPr>
          <p:txBody>
            <a:bodyPr anchor="ctr" rtlCol="0"/>
            <a:lstStyle/>
            <a:p>
              <a:endParaRPr lang="es-ES"/>
            </a:p>
          </p:txBody>
        </p:sp>
        <p:sp>
          <p:nvSpPr>
            <p:cNvPr id="41" name="Freeform: Shape 40">
              <a:extLst>
                <a:ext uri="{FF2B5EF4-FFF2-40B4-BE49-F238E27FC236}">
                  <a16:creationId xmlns:a16="http://schemas.microsoft.com/office/drawing/2014/main" id="{FAF0C632-BB08-39CC-73B3-9A54DB2CA46E}"/>
                </a:ext>
              </a:extLst>
            </p:cNvPr>
            <p:cNvSpPr/>
            <p:nvPr/>
          </p:nvSpPr>
          <p:spPr>
            <a:xfrm>
              <a:off x="2506460" y="3354867"/>
              <a:ext cx="282550" cy="3321"/>
            </a:xfrm>
            <a:custGeom>
              <a:avLst/>
              <a:gdLst>
                <a:gd fmla="*/ 0 w 398128" name="connsiteX0"/>
                <a:gd fmla="*/ 0 h 4680" name="connsiteY0"/>
                <a:gd fmla="*/ 398129 w 398128" name="connsiteX1"/>
                <a:gd fmla="*/ 0 h 4680" name="connsiteY1"/>
              </a:gdLst>
              <a:ahLst/>
              <a:cxnLst>
                <a:cxn ang="0">
                  <a:pos x="connsiteX0" y="connsiteY0"/>
                </a:cxn>
                <a:cxn ang="0">
                  <a:pos x="connsiteX1" y="connsiteY1"/>
                </a:cxn>
              </a:cxnLst>
              <a:rect b="b" l="l" r="r" t="t"/>
              <a:pathLst>
                <a:path h="4680" w="398128">
                  <a:moveTo>
                    <a:pt x="0" y="0"/>
                  </a:moveTo>
                  <a:lnTo>
                    <a:pt x="398129" y="0"/>
                  </a:lnTo>
                </a:path>
              </a:pathLst>
            </a:custGeom>
            <a:ln cap="rnd" w="83624">
              <a:solidFill>
                <a:srgbClr val="093371"/>
              </a:solidFill>
              <a:prstDash val="solid"/>
              <a:round/>
            </a:ln>
          </p:spPr>
          <p:txBody>
            <a:bodyPr anchor="ctr" rtlCol="0"/>
            <a:lstStyle/>
            <a:p>
              <a:endParaRPr lang="es-ES"/>
            </a:p>
          </p:txBody>
        </p:sp>
        <p:sp>
          <p:nvSpPr>
            <p:cNvPr id="42" name="Freeform: Shape 41">
              <a:extLst>
                <a:ext uri="{FF2B5EF4-FFF2-40B4-BE49-F238E27FC236}">
                  <a16:creationId xmlns:a16="http://schemas.microsoft.com/office/drawing/2014/main" id="{10E75935-6AE5-176C-AFAA-63B6BF51B0F0}"/>
                </a:ext>
              </a:extLst>
            </p:cNvPr>
            <p:cNvSpPr/>
            <p:nvPr/>
          </p:nvSpPr>
          <p:spPr>
            <a:xfrm>
              <a:off x="1671165" y="3204889"/>
              <a:ext cx="297299" cy="297299"/>
            </a:xfrm>
            <a:custGeom>
              <a:avLst/>
              <a:gdLst>
                <a:gd fmla="*/ 418910 w 418910" name="connsiteX0"/>
                <a:gd fmla="*/ 209455 h 418910" name="connsiteY0"/>
                <a:gd fmla="*/ 209455 w 418910" name="connsiteX1"/>
                <a:gd fmla="*/ 418910 h 418910" name="connsiteY1"/>
                <a:gd fmla="*/ 0 w 418910" name="connsiteX2"/>
                <a:gd fmla="*/ 209455 h 418910" name="connsiteY2"/>
                <a:gd fmla="*/ 209455 w 418910" name="connsiteX3"/>
                <a:gd fmla="*/ 0 h 418910" name="connsiteY3"/>
                <a:gd fmla="*/ 418910 w 418910" name="connsiteX4"/>
                <a:gd fmla="*/ 209455 h 41891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8910" w="418910">
                  <a:moveTo>
                    <a:pt x="418910" y="209455"/>
                  </a:moveTo>
                  <a:cubicBezTo>
                    <a:pt x="418910" y="325134"/>
                    <a:pt x="325134" y="418910"/>
                    <a:pt x="209455" y="418910"/>
                  </a:cubicBezTo>
                  <a:cubicBezTo>
                    <a:pt x="93776" y="418910"/>
                    <a:pt x="0" y="325134"/>
                    <a:pt x="0" y="209455"/>
                  </a:cubicBezTo>
                  <a:cubicBezTo>
                    <a:pt x="0" y="93776"/>
                    <a:pt x="93776" y="0"/>
                    <a:pt x="209455" y="0"/>
                  </a:cubicBezTo>
                  <a:cubicBezTo>
                    <a:pt x="325134" y="0"/>
                    <a:pt x="418910" y="93776"/>
                    <a:pt x="418910" y="209455"/>
                  </a:cubicBezTo>
                  <a:close/>
                </a:path>
              </a:pathLst>
            </a:custGeom>
            <a:solidFill>
              <a:srgbClr val="093371"/>
            </a:solidFill>
            <a:ln cap="flat" w="4680">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0160E3D3-EE75-D0F2-4469-D7BE12637D63}"/>
                </a:ext>
              </a:extLst>
            </p:cNvPr>
            <p:cNvSpPr/>
            <p:nvPr/>
          </p:nvSpPr>
          <p:spPr>
            <a:xfrm>
              <a:off x="1694019" y="2778106"/>
              <a:ext cx="251559" cy="251559"/>
            </a:xfrm>
            <a:custGeom>
              <a:avLst/>
              <a:gdLst>
                <a:gd fmla="*/ 323380 w 354459" name="connsiteX0"/>
                <a:gd fmla="*/ 0 h 354459" name="connsiteY0"/>
                <a:gd fmla="*/ 354459 w 354459" name="connsiteX1"/>
                <a:gd fmla="*/ 31079 h 354459" name="connsiteY1"/>
                <a:gd fmla="*/ 354459 w 354459" name="connsiteX2"/>
                <a:gd fmla="*/ 323380 h 354459" name="connsiteY2"/>
                <a:gd fmla="*/ 323380 w 354459" name="connsiteX3"/>
                <a:gd fmla="*/ 354459 h 354459" name="connsiteY3"/>
                <a:gd fmla="*/ 31079 w 354459" name="connsiteX4"/>
                <a:gd fmla="*/ 354459 h 354459" name="connsiteY4"/>
                <a:gd fmla="*/ 0 w 354459" name="connsiteX5"/>
                <a:gd fmla="*/ 323380 h 354459" name="connsiteY5"/>
                <a:gd fmla="*/ 0 w 354459" name="connsiteX6"/>
                <a:gd fmla="*/ 31079 h 354459" name="connsiteY6"/>
                <a:gd fmla="*/ 31079 w 354459" name="connsiteX7"/>
                <a:gd fmla="*/ 0 h 35445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354459" w="354459">
                  <a:moveTo>
                    <a:pt x="323380" y="0"/>
                  </a:moveTo>
                  <a:cubicBezTo>
                    <a:pt x="340545" y="0"/>
                    <a:pt x="354459" y="13915"/>
                    <a:pt x="354459" y="31079"/>
                  </a:cubicBezTo>
                  <a:lnTo>
                    <a:pt x="354459" y="323380"/>
                  </a:lnTo>
                  <a:cubicBezTo>
                    <a:pt x="354459" y="340545"/>
                    <a:pt x="340545" y="354459"/>
                    <a:pt x="323380" y="354459"/>
                  </a:cubicBezTo>
                  <a:lnTo>
                    <a:pt x="31079" y="354459"/>
                  </a:lnTo>
                  <a:cubicBezTo>
                    <a:pt x="13915" y="354459"/>
                    <a:pt x="0" y="340545"/>
                    <a:pt x="0" y="323380"/>
                  </a:cubicBezTo>
                  <a:lnTo>
                    <a:pt x="0" y="31079"/>
                  </a:lnTo>
                  <a:cubicBezTo>
                    <a:pt x="0" y="13915"/>
                    <a:pt x="13915" y="0"/>
                    <a:pt x="31079" y="0"/>
                  </a:cubicBezTo>
                  <a:close/>
                </a:path>
              </a:pathLst>
            </a:custGeom>
            <a:solidFill>
              <a:srgbClr val="FF8F02"/>
            </a:solidFill>
            <a:ln cap="flat" w="4680">
              <a:noFill/>
              <a:prstDash val="solid"/>
              <a:miter/>
            </a:ln>
          </p:spPr>
          <p:txBody>
            <a:bodyPr anchor="ctr" rtlCol="0"/>
            <a:lstStyle/>
            <a:p>
              <a:endParaRPr lang="es-ES"/>
            </a:p>
          </p:txBody>
        </p:sp>
        <p:sp>
          <p:nvSpPr>
            <p:cNvPr id="44" name="Freeform: Shape 43">
              <a:extLst>
                <a:ext uri="{FF2B5EF4-FFF2-40B4-BE49-F238E27FC236}">
                  <a16:creationId xmlns:a16="http://schemas.microsoft.com/office/drawing/2014/main" id="{5D8904DB-85F9-399E-CAEC-47B5B7EEC79B}"/>
                </a:ext>
              </a:extLst>
            </p:cNvPr>
            <p:cNvSpPr/>
            <p:nvPr/>
          </p:nvSpPr>
          <p:spPr>
            <a:xfrm>
              <a:off x="1674701" y="3643381"/>
              <a:ext cx="290199" cy="270841"/>
            </a:xfrm>
            <a:custGeom>
              <a:avLst/>
              <a:gdLst>
                <a:gd fmla="*/ 25629 w 408905" name="connsiteX0"/>
                <a:gd fmla="*/ 381583 h 381629" name="connsiteY0"/>
                <a:gd fmla="*/ 383271 w 408905" name="connsiteX1"/>
                <a:gd fmla="*/ 381583 h 381629" name="connsiteY1"/>
                <a:gd fmla="*/ 405784 w 408905" name="connsiteX2"/>
                <a:gd fmla="*/ 343764 h 381629" name="connsiteY2"/>
                <a:gd fmla="*/ 226940 w 408905" name="connsiteX3"/>
                <a:gd fmla="*/ 13410 h 381629" name="connsiteY3"/>
                <a:gd fmla="*/ 181913 w 408905" name="connsiteX4"/>
                <a:gd fmla="*/ 13410 h 381629" name="connsiteY4"/>
                <a:gd fmla="*/ 3115 w 408905" name="connsiteX5"/>
                <a:gd fmla="*/ 343811 h 381629" name="connsiteY5"/>
                <a:gd fmla="*/ 25629 w 408905" name="connsiteX6"/>
                <a:gd fmla="*/ 381630 h 381629"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381629" w="408905">
                  <a:moveTo>
                    <a:pt x="25629" y="381583"/>
                  </a:moveTo>
                  <a:lnTo>
                    <a:pt x="383271" y="381583"/>
                  </a:lnTo>
                  <a:cubicBezTo>
                    <a:pt x="402695" y="381583"/>
                    <a:pt x="415005" y="360848"/>
                    <a:pt x="405784" y="343764"/>
                  </a:cubicBezTo>
                  <a:lnTo>
                    <a:pt x="226940" y="13410"/>
                  </a:lnTo>
                  <a:cubicBezTo>
                    <a:pt x="217251" y="-4470"/>
                    <a:pt x="191602" y="-4470"/>
                    <a:pt x="181913" y="13410"/>
                  </a:cubicBezTo>
                  <a:lnTo>
                    <a:pt x="3115" y="343811"/>
                  </a:lnTo>
                  <a:cubicBezTo>
                    <a:pt x="-6105" y="360895"/>
                    <a:pt x="6251" y="381630"/>
                    <a:pt x="25629" y="381630"/>
                  </a:cubicBezTo>
                  <a:close/>
                </a:path>
              </a:pathLst>
            </a:custGeom>
            <a:solidFill>
              <a:srgbClr val="2196F3"/>
            </a:solidFill>
            <a:ln cap="flat" w="4680">
              <a:noFill/>
              <a:prstDash val="solid"/>
              <a:miter/>
            </a:ln>
          </p:spPr>
          <p:txBody>
            <a:bodyPr anchor="ctr" rtlCol="0"/>
            <a:lstStyle/>
            <a:p>
              <a:endParaRPr lang="es-ES"/>
            </a:p>
          </p:txBody>
        </p:sp>
        <p:sp>
          <p:nvSpPr>
            <p:cNvPr id="45" name="Freeform: Shape 44">
              <a:extLst>
                <a:ext uri="{FF2B5EF4-FFF2-40B4-BE49-F238E27FC236}">
                  <a16:creationId xmlns:a16="http://schemas.microsoft.com/office/drawing/2014/main" id="{631725DA-568C-EEF1-09D5-FA0FA05194DA}"/>
                </a:ext>
              </a:extLst>
            </p:cNvPr>
            <p:cNvSpPr/>
            <p:nvPr/>
          </p:nvSpPr>
          <p:spPr>
            <a:xfrm>
              <a:off x="2040414" y="2904965"/>
              <a:ext cx="621472" cy="248004"/>
            </a:xfrm>
            <a:custGeom>
              <a:avLst/>
              <a:gdLst>
                <a:gd fmla="*/ 875687 w 875686" name="connsiteX0"/>
                <a:gd fmla="*/ 349451 h 349450" name="connsiteY0"/>
                <a:gd fmla="*/ 405477 w 875686" name="connsiteX1"/>
                <a:gd fmla="*/ 349451 h 349450" name="connsiteY1"/>
                <a:gd fmla="*/ 405477 w 875686" name="connsiteX2"/>
                <a:gd fmla="*/ 0 h 349450" name="connsiteY2"/>
                <a:gd fmla="*/ 0 w 875686" name="connsiteX3"/>
                <a:gd fmla="*/ 0 h 349450" name="connsiteY3"/>
              </a:gdLst>
              <a:ahLst/>
              <a:cxnLst>
                <a:cxn ang="0">
                  <a:pos x="connsiteX0" y="connsiteY0"/>
                </a:cxn>
                <a:cxn ang="0">
                  <a:pos x="connsiteX1" y="connsiteY1"/>
                </a:cxn>
                <a:cxn ang="0">
                  <a:pos x="connsiteX2" y="connsiteY2"/>
                </a:cxn>
                <a:cxn ang="0">
                  <a:pos x="connsiteX3" y="connsiteY3"/>
                </a:cxn>
              </a:cxnLst>
              <a:rect b="b" l="l" r="r" t="t"/>
              <a:pathLst>
                <a:path h="349450" w="875686">
                  <a:moveTo>
                    <a:pt x="875687" y="349451"/>
                  </a:moveTo>
                  <a:lnTo>
                    <a:pt x="405477" y="349451"/>
                  </a:lnTo>
                  <a:lnTo>
                    <a:pt x="405477" y="0"/>
                  </a:lnTo>
                  <a:lnTo>
                    <a:pt x="0" y="0"/>
                  </a:lnTo>
                </a:path>
              </a:pathLst>
            </a:custGeom>
            <a:noFill/>
            <a:ln cap="rnd" w="83624">
              <a:solidFill>
                <a:srgbClr val="093371"/>
              </a:solidFill>
              <a:prstDash val="solid"/>
              <a:round/>
            </a:ln>
          </p:spPr>
          <p:txBody>
            <a:bodyPr anchor="ctr" rtlCol="0"/>
            <a:lstStyle/>
            <a:p>
              <a:endParaRPr lang="es-ES"/>
            </a:p>
          </p:txBody>
        </p:sp>
      </p:grpSp>
      <p:pic>
        <p:nvPicPr>
          <p:cNvPr id="46" name="Picture 2">
            <a:extLst>
              <a:ext uri="{FF2B5EF4-FFF2-40B4-BE49-F238E27FC236}">
                <a16:creationId xmlns:a16="http://schemas.microsoft.com/office/drawing/2014/main" id="{6A6A6995-B46E-A578-C192-E4FFACB98A45}"/>
              </a:ext>
            </a:extLst>
          </p:cNvPr>
          <p:cNvPicPr>
            <a:picLocks noChangeArrowheads="1"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r:embed="rId13"/>
              </a:ext>
            </a:extLst>
          </a:blip>
          <a:srcRect/>
          <a:stretch/>
        </p:blipFill>
        <p:spPr bwMode="auto">
          <a:xfrm>
            <a:off x="6621794" y="3579280"/>
            <a:ext cx="705998" cy="74291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951318591"/>
      </p:ext>
    </p:extLst>
  </p:cSld>
  <p:clrMapOvr>
    <a:masterClrMapping/>
  </p:clrMapOvr>
  <mc:AlternateContent xmlns:mc="http://schemas.openxmlformats.org/markup-compatibility/2006" xmlns:p14="http://schemas.microsoft.com/office/powerpoint/2010/main">
    <mc:Choice Requires="p14">
      <p:transition advTm="26927" p14:dur="2000" spd="slow"/>
    </mc:Choice>
    <mc:Fallback xmlns="">
      <p:transition advTm="2692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9"/>
                                        </p:tgtEl>
                                        <p:attrNameLst>
                                          <p:attrName>style.visibility</p:attrName>
                                        </p:attrNameLst>
                                      </p:cBhvr>
                                      <p:to>
                                        <p:strVal val="visible"/>
                                      </p:to>
                                    </p:set>
                                    <p:animEffect filter="fade" transition="in">
                                      <p:cBhvr>
                                        <p:cTn dur="500" id="7"/>
                                        <p:tgtEl>
                                          <p:spTgt spid="29"/>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30">
                                            <p:bg/>
                                          </p:spTgt>
                                        </p:tgtEl>
                                        <p:attrNameLst>
                                          <p:attrName>style.visibility</p:attrName>
                                        </p:attrNameLst>
                                      </p:cBhvr>
                                      <p:to>
                                        <p:strVal val="visible"/>
                                      </p:to>
                                    </p:set>
                                    <p:animEffect filter="fade" transition="in">
                                      <p:cBhvr>
                                        <p:cTn dur="500" id="12"/>
                                        <p:tgtEl>
                                          <p:spTgt spid="30">
                                            <p:bg/>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30">
                                            <p:txEl>
                                              <p:pRg end="0" st="0"/>
                                            </p:txEl>
                                          </p:spTgt>
                                        </p:tgtEl>
                                        <p:attrNameLst>
                                          <p:attrName>style.visibility</p:attrName>
                                        </p:attrNameLst>
                                      </p:cBhvr>
                                      <p:to>
                                        <p:strVal val="visible"/>
                                      </p:to>
                                    </p:set>
                                    <p:animEffect filter="fade" transition="in">
                                      <p:cBhvr>
                                        <p:cTn dur="500" id="17"/>
                                        <p:tgtEl>
                                          <p:spTgt spid="30">
                                            <p:txEl>
                                              <p:pRg end="0" st="0"/>
                                            </p:txEl>
                                          </p:spTgt>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31"/>
                                        </p:tgtEl>
                                        <p:attrNameLst>
                                          <p:attrName>style.visibility</p:attrName>
                                        </p:attrNameLst>
                                      </p:cBhvr>
                                      <p:to>
                                        <p:strVal val="visible"/>
                                      </p:to>
                                    </p:set>
                                    <p:animEffect filter="fade" transition="in">
                                      <p:cBhvr>
                                        <p:cTn dur="500" id="22"/>
                                        <p:tgtEl>
                                          <p:spTgt spid="31"/>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32"/>
                                        </p:tgtEl>
                                        <p:attrNameLst>
                                          <p:attrName>style.visibility</p:attrName>
                                        </p:attrNameLst>
                                      </p:cBhvr>
                                      <p:to>
                                        <p:strVal val="visible"/>
                                      </p:to>
                                    </p:set>
                                    <p:animEffect filter="fade" transition="in">
                                      <p:cBhvr>
                                        <p:cTn dur="500" id="27"/>
                                        <p:tgtEl>
                                          <p:spTgt spid="32"/>
                                        </p:tgtEl>
                                      </p:cBhvr>
                                    </p:animEffect>
                                  </p:childTnLst>
                                </p:cTn>
                              </p:par>
                            </p:childTnLst>
                          </p:cTn>
                        </p:par>
                      </p:childTnLst>
                    </p:cTn>
                  </p:par>
                  <p:par>
                    <p:cTn fill="hold" id="28">
                      <p:stCondLst>
                        <p:cond delay="indefinite"/>
                      </p:stCondLst>
                      <p:childTnLst>
                        <p:par>
                          <p:cTn fill="hold" id="29">
                            <p:stCondLst>
                              <p:cond delay="0"/>
                            </p:stCondLst>
                            <p:childTnLst>
                              <p:par>
                                <p:cTn fill="hold" id="30" nodeType="clickEffect" presetClass="exit" presetID="10" presetSubtype="0">
                                  <p:stCondLst>
                                    <p:cond delay="0"/>
                                  </p:stCondLst>
                                  <p:childTnLst>
                                    <p:animEffect filter="fade" transition="out">
                                      <p:cBhvr>
                                        <p:cTn dur="500" id="31"/>
                                        <p:tgtEl>
                                          <p:spTgt spid="31"/>
                                        </p:tgtEl>
                                      </p:cBhvr>
                                    </p:animEffect>
                                    <p:set>
                                      <p:cBhvr>
                                        <p:cTn dur="1" fill="hold" id="32">
                                          <p:stCondLst>
                                            <p:cond delay="499"/>
                                          </p:stCondLst>
                                        </p:cTn>
                                        <p:tgtEl>
                                          <p:spTgt spid="31"/>
                                        </p:tgtEl>
                                        <p:attrNameLst>
                                          <p:attrName>style.visibility</p:attrName>
                                        </p:attrNameLst>
                                      </p:cBhvr>
                                      <p:to>
                                        <p:strVal val="hidden"/>
                                      </p:to>
                                    </p:set>
                                  </p:childTnLst>
                                </p:cTn>
                              </p:par>
                              <p:par>
                                <p:cTn fill="hold" id="33" nodeType="withEffect" presetClass="exit" presetID="10" presetSubtype="0">
                                  <p:stCondLst>
                                    <p:cond delay="0"/>
                                  </p:stCondLst>
                                  <p:childTnLst>
                                    <p:animEffect filter="fade" transition="out">
                                      <p:cBhvr>
                                        <p:cTn dur="500" id="34"/>
                                        <p:tgtEl>
                                          <p:spTgt spid="32"/>
                                        </p:tgtEl>
                                      </p:cBhvr>
                                    </p:animEffect>
                                    <p:set>
                                      <p:cBhvr>
                                        <p:cTn dur="1" fill="hold" id="35">
                                          <p:stCondLst>
                                            <p:cond delay="499"/>
                                          </p:stCondLst>
                                        </p:cTn>
                                        <p:tgtEl>
                                          <p:spTgt spid="32"/>
                                        </p:tgtEl>
                                        <p:attrNameLst>
                                          <p:attrName>style.visibility</p:attrName>
                                        </p:attrNameLst>
                                      </p:cBhvr>
                                      <p:to>
                                        <p:strVal val="hidden"/>
                                      </p:to>
                                    </p:set>
                                  </p:childTnLst>
                                </p:cTn>
                              </p:par>
                            </p:childTnLst>
                          </p:cTn>
                        </p:par>
                      </p:childTnLst>
                    </p:cTn>
                  </p:par>
                  <p:par>
                    <p:cTn fill="hold" id="36">
                      <p:stCondLst>
                        <p:cond delay="indefinite"/>
                      </p:stCondLst>
                      <p:childTnLst>
                        <p:par>
                          <p:cTn fill="hold" id="37">
                            <p:stCondLst>
                              <p:cond delay="0"/>
                            </p:stCondLst>
                            <p:childTnLst>
                              <p:par>
                                <p:cTn fill="hold" id="38" nodeType="clickEffect" presetClass="entr" presetID="10" presetSubtype="0">
                                  <p:stCondLst>
                                    <p:cond delay="0"/>
                                  </p:stCondLst>
                                  <p:childTnLst>
                                    <p:set>
                                      <p:cBhvr>
                                        <p:cTn dur="1" fill="hold" id="39">
                                          <p:stCondLst>
                                            <p:cond delay="0"/>
                                          </p:stCondLst>
                                        </p:cTn>
                                        <p:tgtEl>
                                          <p:spTgt spid="33"/>
                                        </p:tgtEl>
                                        <p:attrNameLst>
                                          <p:attrName>style.visibility</p:attrName>
                                        </p:attrNameLst>
                                      </p:cBhvr>
                                      <p:to>
                                        <p:strVal val="visible"/>
                                      </p:to>
                                    </p:set>
                                    <p:animEffect filter="fade" transition="in">
                                      <p:cBhvr>
                                        <p:cTn dur="500" id="40"/>
                                        <p:tgtEl>
                                          <p:spTgt spid="33"/>
                                        </p:tgtEl>
                                      </p:cBhvr>
                                    </p:animEffect>
                                  </p:childTnLst>
                                </p:cTn>
                              </p:par>
                              <p:par>
                                <p:cTn fill="hold" id="41" nodeType="withEffect" presetClass="entr" presetID="10" presetSubtype="0">
                                  <p:stCondLst>
                                    <p:cond delay="0"/>
                                  </p:stCondLst>
                                  <p:childTnLst>
                                    <p:set>
                                      <p:cBhvr>
                                        <p:cTn dur="1" fill="hold" id="42">
                                          <p:stCondLst>
                                            <p:cond delay="0"/>
                                          </p:stCondLst>
                                        </p:cTn>
                                        <p:tgtEl>
                                          <p:spTgt spid="46"/>
                                        </p:tgtEl>
                                        <p:attrNameLst>
                                          <p:attrName>style.visibility</p:attrName>
                                        </p:attrNameLst>
                                      </p:cBhvr>
                                      <p:to>
                                        <p:strVal val="visible"/>
                                      </p:to>
                                    </p:set>
                                    <p:animEffect filter="fade" transition="in">
                                      <p:cBhvr>
                                        <p:cTn dur="500" id="43"/>
                                        <p:tgtEl>
                                          <p:spTgt spid="4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9"/>
      <p:bldP animBg="1" build="p" grpId="0" spid="30" uiExpand="1"/>
    </p:bldLst>
  </p:timing>
</p:sld>
</file>

<file path=ppt/slides/slide2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462EA8A-287E-E93E-33B7-90246FB207A6}"/>
              </a:ext>
            </a:extLst>
          </p:cNvPr>
          <p:cNvSpPr>
            <a:spLocks noGrp="1"/>
          </p:cNvSpPr>
          <p:nvPr>
            <p:ph type="title"/>
          </p:nvPr>
        </p:nvSpPr>
        <p:spPr/>
        <p:txBody>
          <a:bodyPr/>
          <a:lstStyle/>
          <a:p txid="b514596ccff6f01e963ba9ea24e03cec">
            <a:r>
              <a:rPr lang="es-ES"/>
              <a:t>Rôles d'utilisateur et paramètres de partage</a:t>
            </a:r>
            <a:endParaRPr lang="en-NO"/>
          </a:p>
        </p:txBody>
      </p:sp>
      <p:grpSp>
        <p:nvGrpSpPr>
          <p:cNvPr id="18" name="!!sharing">
            <a:extLst>
              <a:ext uri="{FF2B5EF4-FFF2-40B4-BE49-F238E27FC236}">
                <a16:creationId xmlns:a16="http://schemas.microsoft.com/office/drawing/2014/main" id="{32FD5316-7DBB-FA7E-4C45-306E2D533A5D}"/>
              </a:ext>
            </a:extLst>
          </p:cNvPr>
          <p:cNvGrpSpPr/>
          <p:nvPr/>
        </p:nvGrpSpPr>
        <p:grpSpPr>
          <a:xfrm>
            <a:off x="3487793" y="2669667"/>
            <a:ext cx="1862941" cy="2004144"/>
            <a:chOff x="1333500" y="1969731"/>
            <a:chExt cx="1862941" cy="2004144"/>
          </a:xfrm>
        </p:grpSpPr>
        <p:sp>
          <p:nvSpPr>
            <p:cNvPr id="19" name="Freeform 22">
              <a:extLst>
                <a:ext uri="{FF2B5EF4-FFF2-40B4-BE49-F238E27FC236}">
                  <a16:creationId xmlns:a16="http://schemas.microsoft.com/office/drawing/2014/main" id="{27C9916A-D8F5-8840-ADE6-50523907CD73}"/>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20" name="Group 19">
              <a:extLst>
                <a:ext uri="{FF2B5EF4-FFF2-40B4-BE49-F238E27FC236}">
                  <a16:creationId xmlns:a16="http://schemas.microsoft.com/office/drawing/2014/main" id="{3977268A-83FF-FA80-EEA9-B0229C68D709}"/>
                </a:ext>
              </a:extLst>
            </p:cNvPr>
            <p:cNvGrpSpPr/>
            <p:nvPr/>
          </p:nvGrpSpPr>
          <p:grpSpPr>
            <a:xfrm>
              <a:off x="1746057" y="1969731"/>
              <a:ext cx="923284" cy="861233"/>
              <a:chOff x="2866244" y="2493706"/>
              <a:chExt cx="1072382" cy="1000311"/>
            </a:xfrm>
          </p:grpSpPr>
          <p:sp>
            <p:nvSpPr>
              <p:cNvPr id="28" name="Freeform 23">
                <a:extLst>
                  <a:ext uri="{FF2B5EF4-FFF2-40B4-BE49-F238E27FC236}">
                    <a16:creationId xmlns:a16="http://schemas.microsoft.com/office/drawing/2014/main" id="{BB8DE662-7270-C1B7-8237-3613826A43F0}"/>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9" name="Freeform 24">
                <a:extLst>
                  <a:ext uri="{FF2B5EF4-FFF2-40B4-BE49-F238E27FC236}">
                    <a16:creationId xmlns:a16="http://schemas.microsoft.com/office/drawing/2014/main" id="{0A74D74C-9D73-CD62-E563-F66719E1AAC0}"/>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21" name="Group 20">
              <a:extLst>
                <a:ext uri="{FF2B5EF4-FFF2-40B4-BE49-F238E27FC236}">
                  <a16:creationId xmlns:a16="http://schemas.microsoft.com/office/drawing/2014/main" id="{633FDAB7-4933-6700-CFB8-40C0AF73DD3C}"/>
                </a:ext>
              </a:extLst>
            </p:cNvPr>
            <p:cNvGrpSpPr/>
            <p:nvPr/>
          </p:nvGrpSpPr>
          <p:grpSpPr>
            <a:xfrm>
              <a:off x="1784364" y="3136309"/>
              <a:ext cx="846670" cy="837566"/>
              <a:chOff x="3040063" y="3848672"/>
              <a:chExt cx="983396" cy="972822"/>
            </a:xfrm>
          </p:grpSpPr>
          <p:sp>
            <p:nvSpPr>
              <p:cNvPr id="26" name="Freeform 28">
                <a:extLst>
                  <a:ext uri="{FF2B5EF4-FFF2-40B4-BE49-F238E27FC236}">
                    <a16:creationId xmlns:a16="http://schemas.microsoft.com/office/drawing/2014/main" id="{77A5694B-7339-87DC-5B93-A32C1706E065}"/>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7" name="Freeform 29">
                <a:extLst>
                  <a:ext uri="{FF2B5EF4-FFF2-40B4-BE49-F238E27FC236}">
                    <a16:creationId xmlns:a16="http://schemas.microsoft.com/office/drawing/2014/main" id="{89D7EC16-D90A-9F00-CBBE-074AA45500C1}"/>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22" name="Freeform: Shape 21">
              <a:extLst>
                <a:ext uri="{FF2B5EF4-FFF2-40B4-BE49-F238E27FC236}">
                  <a16:creationId xmlns:a16="http://schemas.microsoft.com/office/drawing/2014/main" id="{77702D50-4269-C109-FDC1-5B15F57EA129}"/>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23" name="Graphic 24">
              <a:extLst>
                <a:ext uri="{FF2B5EF4-FFF2-40B4-BE49-F238E27FC236}">
                  <a16:creationId xmlns:a16="http://schemas.microsoft.com/office/drawing/2014/main" id="{638DCCBF-99A5-7060-08F0-DBF692E57C2A}"/>
                </a:ext>
              </a:extLst>
            </p:cNvPr>
            <p:cNvGrpSpPr/>
            <p:nvPr/>
          </p:nvGrpSpPr>
          <p:grpSpPr>
            <a:xfrm>
              <a:off x="2323290" y="2517060"/>
              <a:ext cx="873151" cy="873151"/>
              <a:chOff x="2323290" y="2517060"/>
              <a:chExt cx="873151" cy="873151"/>
            </a:xfrm>
          </p:grpSpPr>
          <p:sp>
            <p:nvSpPr>
              <p:cNvPr id="24" name="Freeform: Shape 23">
                <a:extLst>
                  <a:ext uri="{FF2B5EF4-FFF2-40B4-BE49-F238E27FC236}">
                    <a16:creationId xmlns:a16="http://schemas.microsoft.com/office/drawing/2014/main" id="{3BFB2CB0-29DC-92CF-1982-71057900B000}"/>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25" name="Freeform: Shape 24">
                <a:extLst>
                  <a:ext uri="{FF2B5EF4-FFF2-40B4-BE49-F238E27FC236}">
                    <a16:creationId xmlns:a16="http://schemas.microsoft.com/office/drawing/2014/main" id="{D4051C78-784F-9321-0003-94BB2A3C225F}"/>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grpSp>
        <p:nvGrpSpPr>
          <p:cNvPr id="30" name="Group 29">
            <a:extLst>
              <a:ext uri="{FF2B5EF4-FFF2-40B4-BE49-F238E27FC236}">
                <a16:creationId xmlns:a16="http://schemas.microsoft.com/office/drawing/2014/main" id="{759DB978-D8C3-9399-36B2-C953D6388134}"/>
              </a:ext>
            </a:extLst>
          </p:cNvPr>
          <p:cNvGrpSpPr/>
          <p:nvPr/>
        </p:nvGrpSpPr>
        <p:grpSpPr>
          <a:xfrm>
            <a:off x="6712157" y="2790207"/>
            <a:ext cx="2170117" cy="1663777"/>
            <a:chOff x="5042099" y="2205086"/>
            <a:chExt cx="2170117" cy="1663777"/>
          </a:xfrm>
        </p:grpSpPr>
        <p:grpSp>
          <p:nvGrpSpPr>
            <p:cNvPr id="31" name="Group 30">
              <a:extLst>
                <a:ext uri="{FF2B5EF4-FFF2-40B4-BE49-F238E27FC236}">
                  <a16:creationId xmlns:a16="http://schemas.microsoft.com/office/drawing/2014/main" id="{15A9F9B3-F097-F5EC-FB2B-518B8377C425}"/>
                </a:ext>
              </a:extLst>
            </p:cNvPr>
            <p:cNvGrpSpPr/>
            <p:nvPr/>
          </p:nvGrpSpPr>
          <p:grpSpPr>
            <a:xfrm>
              <a:off x="5042099" y="2205086"/>
              <a:ext cx="1663776" cy="1663777"/>
              <a:chOff x="4939393" y="2097225"/>
              <a:chExt cx="1584048" cy="1584049"/>
            </a:xfrm>
          </p:grpSpPr>
          <p:sp>
            <p:nvSpPr>
              <p:cNvPr id="36" name="Freeform: Shape 35">
                <a:extLst>
                  <a:ext uri="{FF2B5EF4-FFF2-40B4-BE49-F238E27FC236}">
                    <a16:creationId xmlns:a16="http://schemas.microsoft.com/office/drawing/2014/main" id="{83536A93-743C-23B5-BADD-075E0910071E}"/>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37" name="Group 36">
                <a:extLst>
                  <a:ext uri="{FF2B5EF4-FFF2-40B4-BE49-F238E27FC236}">
                    <a16:creationId xmlns:a16="http://schemas.microsoft.com/office/drawing/2014/main" id="{4C46EA94-4B96-CF36-73D0-9665963300DB}"/>
                  </a:ext>
                </a:extLst>
              </p:cNvPr>
              <p:cNvGrpSpPr/>
              <p:nvPr/>
            </p:nvGrpSpPr>
            <p:grpSpPr>
              <a:xfrm>
                <a:off x="5192227" y="2369148"/>
                <a:ext cx="1078380" cy="1040202"/>
                <a:chOff x="3448859" y="1386457"/>
                <a:chExt cx="1078380" cy="1040202"/>
              </a:xfrm>
            </p:grpSpPr>
            <p:sp>
              <p:nvSpPr>
                <p:cNvPr id="38" name="Freeform: Shape 37">
                  <a:extLst>
                    <a:ext uri="{FF2B5EF4-FFF2-40B4-BE49-F238E27FC236}">
                      <a16:creationId xmlns:a16="http://schemas.microsoft.com/office/drawing/2014/main" id="{39F59216-2F6D-6BDB-77C8-FD8A23394C98}"/>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613644CF-BECC-C691-008B-D4FD59472009}"/>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32" name="Freeform: Shape 31">
              <a:extLst>
                <a:ext uri="{FF2B5EF4-FFF2-40B4-BE49-F238E27FC236}">
                  <a16:creationId xmlns:a16="http://schemas.microsoft.com/office/drawing/2014/main" id="{2367A210-7ED8-E694-DC1A-691654535870}"/>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33" name="Graphic 30">
              <a:extLst>
                <a:ext uri="{FF2B5EF4-FFF2-40B4-BE49-F238E27FC236}">
                  <a16:creationId xmlns:a16="http://schemas.microsoft.com/office/drawing/2014/main" id="{2738CD61-8F25-FBA1-515B-D5B21F022F6E}"/>
                </a:ext>
              </a:extLst>
            </p:cNvPr>
            <p:cNvGrpSpPr/>
            <p:nvPr/>
          </p:nvGrpSpPr>
          <p:grpSpPr>
            <a:xfrm>
              <a:off x="6382743" y="2556395"/>
              <a:ext cx="829473" cy="829474"/>
              <a:chOff x="5945741" y="2242429"/>
              <a:chExt cx="1307468" cy="1307469"/>
            </a:xfrm>
          </p:grpSpPr>
          <p:sp>
            <p:nvSpPr>
              <p:cNvPr id="34" name="Freeform: Shape 33">
                <a:extLst>
                  <a:ext uri="{FF2B5EF4-FFF2-40B4-BE49-F238E27FC236}">
                    <a16:creationId xmlns:a16="http://schemas.microsoft.com/office/drawing/2014/main" id="{053EA736-252B-0F75-B718-9F5F7224340F}"/>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BB236479-D797-F5A4-36B0-16A97C47FA18}"/>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40" name="!!sharingbox">
            <a:extLst>
              <a:ext uri="{FF2B5EF4-FFF2-40B4-BE49-F238E27FC236}">
                <a16:creationId xmlns:a16="http://schemas.microsoft.com/office/drawing/2014/main" id="{6C4C0CC2-9EF3-4B4C-3892-A92A1F96DFCB}"/>
              </a:ext>
            </a:extLst>
          </p:cNvPr>
          <p:cNvSpPr/>
          <p:nvPr/>
        </p:nvSpPr>
        <p:spPr>
          <a:xfrm>
            <a:off x="3103461"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sp>
        <p:nvSpPr>
          <p:cNvPr id="41" name="userbox">
            <a:extLst>
              <a:ext uri="{FF2B5EF4-FFF2-40B4-BE49-F238E27FC236}">
                <a16:creationId xmlns:a16="http://schemas.microsoft.com/office/drawing/2014/main" id="{A198D44F-461B-E1AC-91A5-880DC7F81609}"/>
              </a:ext>
            </a:extLst>
          </p:cNvPr>
          <p:cNvSpPr/>
          <p:nvPr/>
        </p:nvSpPr>
        <p:spPr>
          <a:xfrm>
            <a:off x="6477545"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cxnSp>
        <p:nvCxnSpPr>
          <p:cNvPr id="45" name="Straight Arrow Connector 44">
            <a:extLst>
              <a:ext uri="{FF2B5EF4-FFF2-40B4-BE49-F238E27FC236}">
                <a16:creationId xmlns:a16="http://schemas.microsoft.com/office/drawing/2014/main" id="{BFDFAB25-ABBF-E278-D62E-FF3E3F4B6508}"/>
              </a:ext>
            </a:extLst>
          </p:cNvPr>
          <p:cNvCxnSpPr>
            <a:cxnSpLocks/>
          </p:cNvCxnSpPr>
          <p:nvPr/>
        </p:nvCxnSpPr>
        <p:spPr>
          <a:xfrm>
            <a:off x="5571460" y="3649469"/>
            <a:ext cx="1026042" cy="0"/>
          </a:xfrm>
          <a:prstGeom prst="straightConnector1">
            <a:avLst/>
          </a:prstGeom>
          <a:ln cap="rnd" w="53975">
            <a:solidFill>
              <a:schemeClr val="accent2"/>
            </a:solidFill>
            <a:prstDash val="solid"/>
            <a:headEnd len="med" type="arrow" w="med"/>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117631135"/>
      </p:ext>
    </p:extLst>
  </p:cSld>
  <p:clrMapOvr>
    <a:masterClrMapping/>
  </p:clrMapOvr>
  <mc:AlternateContent xmlns:mc="http://schemas.openxmlformats.org/markup-compatibility/2006" xmlns:p14="http://schemas.microsoft.com/office/powerpoint/2010/main">
    <mc:Choice Requires="p14">
      <p:transition advTm="6114" p14:dur="2000" spd="slow"/>
    </mc:Choice>
    <mc:Fallback xmlns="">
      <p:transition advTm="6114"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41"/>
                                        </p:tgtEl>
                                        <p:attrNameLst>
                                          <p:attrName>style.visibility</p:attrName>
                                        </p:attrNameLst>
                                      </p:cBhvr>
                                      <p:to>
                                        <p:strVal val="visible"/>
                                      </p:to>
                                    </p:set>
                                    <p:anim calcmode="lin" valueType="num">
                                      <p:cBhvr>
                                        <p:cTn dur="500" fill="hold" id="7"/>
                                        <p:tgtEl>
                                          <p:spTgt spid="41"/>
                                        </p:tgtEl>
                                        <p:attrNameLst>
                                          <p:attrName>ppt_w</p:attrName>
                                        </p:attrNameLst>
                                      </p:cBhvr>
                                      <p:tavLst>
                                        <p:tav tm="0">
                                          <p:val>
                                            <p:fltVal val="0"/>
                                          </p:val>
                                        </p:tav>
                                        <p:tav tm="100000">
                                          <p:val>
                                            <p:strVal val="#ppt_w"/>
                                          </p:val>
                                        </p:tav>
                                      </p:tavLst>
                                    </p:anim>
                                    <p:anim calcmode="lin" valueType="num">
                                      <p:cBhvr>
                                        <p:cTn dur="500" fill="hold" id="8"/>
                                        <p:tgtEl>
                                          <p:spTgt spid="41"/>
                                        </p:tgtEl>
                                        <p:attrNameLst>
                                          <p:attrName>ppt_h</p:attrName>
                                        </p:attrNameLst>
                                      </p:cBhvr>
                                      <p:tavLst>
                                        <p:tav tm="0">
                                          <p:val>
                                            <p:fltVal val="0"/>
                                          </p:val>
                                        </p:tav>
                                        <p:tav tm="100000">
                                          <p:val>
                                            <p:strVal val="#ppt_h"/>
                                          </p:val>
                                        </p:tav>
                                      </p:tavLst>
                                    </p:anim>
                                    <p:animEffect filter="fade" transition="in">
                                      <p:cBhvr>
                                        <p:cTn dur="500" id="9"/>
                                        <p:tgtEl>
                                          <p:spTgt spid="41"/>
                                        </p:tgtEl>
                                      </p:cBhvr>
                                    </p:animEffect>
                                  </p:childTnLst>
                                </p:cTn>
                              </p:par>
                              <p:par>
                                <p:cTn fill="hold" id="10" nodeType="withEffect" presetClass="entr" presetID="53" presetSubtype="16">
                                  <p:stCondLst>
                                    <p:cond delay="0"/>
                                  </p:stCondLst>
                                  <p:childTnLst>
                                    <p:set>
                                      <p:cBhvr>
                                        <p:cTn dur="1" fill="hold" id="11">
                                          <p:stCondLst>
                                            <p:cond delay="0"/>
                                          </p:stCondLst>
                                        </p:cTn>
                                        <p:tgtEl>
                                          <p:spTgt spid="30"/>
                                        </p:tgtEl>
                                        <p:attrNameLst>
                                          <p:attrName>style.visibility</p:attrName>
                                        </p:attrNameLst>
                                      </p:cBhvr>
                                      <p:to>
                                        <p:strVal val="visible"/>
                                      </p:to>
                                    </p:set>
                                    <p:anim calcmode="lin" valueType="num">
                                      <p:cBhvr>
                                        <p:cTn dur="500" fill="hold" id="12"/>
                                        <p:tgtEl>
                                          <p:spTgt spid="30"/>
                                        </p:tgtEl>
                                        <p:attrNameLst>
                                          <p:attrName>ppt_w</p:attrName>
                                        </p:attrNameLst>
                                      </p:cBhvr>
                                      <p:tavLst>
                                        <p:tav tm="0">
                                          <p:val>
                                            <p:fltVal val="0"/>
                                          </p:val>
                                        </p:tav>
                                        <p:tav tm="100000">
                                          <p:val>
                                            <p:strVal val="#ppt_w"/>
                                          </p:val>
                                        </p:tav>
                                      </p:tavLst>
                                    </p:anim>
                                    <p:anim calcmode="lin" valueType="num">
                                      <p:cBhvr>
                                        <p:cTn dur="500" fill="hold" id="13"/>
                                        <p:tgtEl>
                                          <p:spTgt spid="30"/>
                                        </p:tgtEl>
                                        <p:attrNameLst>
                                          <p:attrName>ppt_h</p:attrName>
                                        </p:attrNameLst>
                                      </p:cBhvr>
                                      <p:tavLst>
                                        <p:tav tm="0">
                                          <p:val>
                                            <p:fltVal val="0"/>
                                          </p:val>
                                        </p:tav>
                                        <p:tav tm="100000">
                                          <p:val>
                                            <p:strVal val="#ppt_h"/>
                                          </p:val>
                                        </p:tav>
                                      </p:tavLst>
                                    </p:anim>
                                    <p:animEffect filter="fade" transition="in">
                                      <p:cBhvr>
                                        <p:cTn dur="500" id="14"/>
                                        <p:tgtEl>
                                          <p:spTgt spid="30"/>
                                        </p:tgtEl>
                                      </p:cBhvr>
                                    </p:animEffect>
                                  </p:childTnLst>
                                </p:cTn>
                              </p:par>
                              <p:par>
                                <p:cTn fill="hold" id="15" nodeType="withEffect" presetClass="entr" presetID="53" presetSubtype="16">
                                  <p:stCondLst>
                                    <p:cond delay="0"/>
                                  </p:stCondLst>
                                  <p:childTnLst>
                                    <p:set>
                                      <p:cBhvr>
                                        <p:cTn dur="1" fill="hold" id="16">
                                          <p:stCondLst>
                                            <p:cond delay="0"/>
                                          </p:stCondLst>
                                        </p:cTn>
                                        <p:tgtEl>
                                          <p:spTgt spid="18"/>
                                        </p:tgtEl>
                                        <p:attrNameLst>
                                          <p:attrName>style.visibility</p:attrName>
                                        </p:attrNameLst>
                                      </p:cBhvr>
                                      <p:to>
                                        <p:strVal val="visible"/>
                                      </p:to>
                                    </p:set>
                                    <p:anim calcmode="lin" valueType="num">
                                      <p:cBhvr>
                                        <p:cTn dur="500" fill="hold" id="17"/>
                                        <p:tgtEl>
                                          <p:spTgt spid="18"/>
                                        </p:tgtEl>
                                        <p:attrNameLst>
                                          <p:attrName>ppt_w</p:attrName>
                                        </p:attrNameLst>
                                      </p:cBhvr>
                                      <p:tavLst>
                                        <p:tav tm="0">
                                          <p:val>
                                            <p:fltVal val="0"/>
                                          </p:val>
                                        </p:tav>
                                        <p:tav tm="100000">
                                          <p:val>
                                            <p:strVal val="#ppt_w"/>
                                          </p:val>
                                        </p:tav>
                                      </p:tavLst>
                                    </p:anim>
                                    <p:anim calcmode="lin" valueType="num">
                                      <p:cBhvr>
                                        <p:cTn dur="500" fill="hold" id="18"/>
                                        <p:tgtEl>
                                          <p:spTgt spid="18"/>
                                        </p:tgtEl>
                                        <p:attrNameLst>
                                          <p:attrName>ppt_h</p:attrName>
                                        </p:attrNameLst>
                                      </p:cBhvr>
                                      <p:tavLst>
                                        <p:tav tm="0">
                                          <p:val>
                                            <p:fltVal val="0"/>
                                          </p:val>
                                        </p:tav>
                                        <p:tav tm="100000">
                                          <p:val>
                                            <p:strVal val="#ppt_h"/>
                                          </p:val>
                                        </p:tav>
                                      </p:tavLst>
                                    </p:anim>
                                    <p:animEffect filter="fade" transition="in">
                                      <p:cBhvr>
                                        <p:cTn dur="500" id="19"/>
                                        <p:tgtEl>
                                          <p:spTgt spid="18"/>
                                        </p:tgtEl>
                                      </p:cBhvr>
                                    </p:animEffect>
                                  </p:childTnLst>
                                </p:cTn>
                              </p:par>
                              <p:par>
                                <p:cTn fill="hold" grpId="0" id="20" nodeType="withEffect" presetClass="entr" presetID="53" presetSubtype="16">
                                  <p:stCondLst>
                                    <p:cond delay="0"/>
                                  </p:stCondLst>
                                  <p:childTnLst>
                                    <p:set>
                                      <p:cBhvr>
                                        <p:cTn dur="1" fill="hold" id="21">
                                          <p:stCondLst>
                                            <p:cond delay="0"/>
                                          </p:stCondLst>
                                        </p:cTn>
                                        <p:tgtEl>
                                          <p:spTgt spid="40"/>
                                        </p:tgtEl>
                                        <p:attrNameLst>
                                          <p:attrName>style.visibility</p:attrName>
                                        </p:attrNameLst>
                                      </p:cBhvr>
                                      <p:to>
                                        <p:strVal val="visible"/>
                                      </p:to>
                                    </p:set>
                                    <p:anim calcmode="lin" valueType="num">
                                      <p:cBhvr>
                                        <p:cTn dur="500" fill="hold" id="22"/>
                                        <p:tgtEl>
                                          <p:spTgt spid="40"/>
                                        </p:tgtEl>
                                        <p:attrNameLst>
                                          <p:attrName>ppt_w</p:attrName>
                                        </p:attrNameLst>
                                      </p:cBhvr>
                                      <p:tavLst>
                                        <p:tav tm="0">
                                          <p:val>
                                            <p:fltVal val="0"/>
                                          </p:val>
                                        </p:tav>
                                        <p:tav tm="100000">
                                          <p:val>
                                            <p:strVal val="#ppt_w"/>
                                          </p:val>
                                        </p:tav>
                                      </p:tavLst>
                                    </p:anim>
                                    <p:anim calcmode="lin" valueType="num">
                                      <p:cBhvr>
                                        <p:cTn dur="500" fill="hold" id="23"/>
                                        <p:tgtEl>
                                          <p:spTgt spid="40"/>
                                        </p:tgtEl>
                                        <p:attrNameLst>
                                          <p:attrName>ppt_h</p:attrName>
                                        </p:attrNameLst>
                                      </p:cBhvr>
                                      <p:tavLst>
                                        <p:tav tm="0">
                                          <p:val>
                                            <p:fltVal val="0"/>
                                          </p:val>
                                        </p:tav>
                                        <p:tav tm="100000">
                                          <p:val>
                                            <p:strVal val="#ppt_h"/>
                                          </p:val>
                                        </p:tav>
                                      </p:tavLst>
                                    </p:anim>
                                    <p:animEffect filter="fade" transition="in">
                                      <p:cBhvr>
                                        <p:cTn dur="500" id="24"/>
                                        <p:tgtEl>
                                          <p:spTgt spid="40"/>
                                        </p:tgtEl>
                                      </p:cBhvr>
                                    </p:animEffect>
                                  </p:childTnLst>
                                </p:cTn>
                              </p:par>
                            </p:childTnLst>
                          </p:cTn>
                        </p:par>
                      </p:childTnLst>
                    </p:cTn>
                  </p:par>
                  <p:par>
                    <p:cTn fill="hold" id="25">
                      <p:stCondLst>
                        <p:cond delay="indefinite"/>
                      </p:stCondLst>
                      <p:childTnLst>
                        <p:par>
                          <p:cTn fill="hold" id="26">
                            <p:stCondLst>
                              <p:cond delay="0"/>
                            </p:stCondLst>
                            <p:childTnLst>
                              <p:par>
                                <p:cTn fill="hold" id="27" nodeType="clickEffect" presetClass="entr" presetID="55" presetSubtype="0">
                                  <p:stCondLst>
                                    <p:cond delay="0"/>
                                  </p:stCondLst>
                                  <p:childTnLst>
                                    <p:set>
                                      <p:cBhvr>
                                        <p:cTn dur="1" fill="hold" id="28">
                                          <p:stCondLst>
                                            <p:cond delay="0"/>
                                          </p:stCondLst>
                                        </p:cTn>
                                        <p:tgtEl>
                                          <p:spTgt spid="45"/>
                                        </p:tgtEl>
                                        <p:attrNameLst>
                                          <p:attrName>style.visibility</p:attrName>
                                        </p:attrNameLst>
                                      </p:cBhvr>
                                      <p:to>
                                        <p:strVal val="visible"/>
                                      </p:to>
                                    </p:set>
                                    <p:anim calcmode="lin" valueType="num">
                                      <p:cBhvr>
                                        <p:cTn dur="500" fill="hold" id="29"/>
                                        <p:tgtEl>
                                          <p:spTgt spid="45"/>
                                        </p:tgtEl>
                                        <p:attrNameLst>
                                          <p:attrName>ppt_w</p:attrName>
                                        </p:attrNameLst>
                                      </p:cBhvr>
                                      <p:tavLst>
                                        <p:tav tm="0">
                                          <p:val>
                                            <p:strVal val="#ppt_w*0.70"/>
                                          </p:val>
                                        </p:tav>
                                        <p:tav tm="100000">
                                          <p:val>
                                            <p:strVal val="#ppt_w"/>
                                          </p:val>
                                        </p:tav>
                                      </p:tavLst>
                                    </p:anim>
                                    <p:anim calcmode="lin" valueType="num">
                                      <p:cBhvr>
                                        <p:cTn dur="500" fill="hold" id="30"/>
                                        <p:tgtEl>
                                          <p:spTgt spid="45"/>
                                        </p:tgtEl>
                                        <p:attrNameLst>
                                          <p:attrName>ppt_h</p:attrName>
                                        </p:attrNameLst>
                                      </p:cBhvr>
                                      <p:tavLst>
                                        <p:tav tm="0">
                                          <p:val>
                                            <p:strVal val="#ppt_h"/>
                                          </p:val>
                                        </p:tav>
                                        <p:tav tm="100000">
                                          <p:val>
                                            <p:strVal val="#ppt_h"/>
                                          </p:val>
                                        </p:tav>
                                      </p:tavLst>
                                    </p:anim>
                                    <p:animEffect filter="fade" transition="in">
                                      <p:cBhvr>
                                        <p:cTn dur="500" id="31"/>
                                        <p:tgtEl>
                                          <p:spTgt spid="45"/>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0"/>
      <p:bldP animBg="1" grpId="0" spid="41"/>
    </p:bldLst>
  </p:timing>
</p:sld>
</file>

<file path=ppt/slides/slide2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462EA8A-287E-E93E-33B7-90246FB207A6}"/>
              </a:ext>
            </a:extLst>
          </p:cNvPr>
          <p:cNvSpPr>
            <a:spLocks noGrp="1"/>
          </p:cNvSpPr>
          <p:nvPr>
            <p:ph type="title"/>
          </p:nvPr>
        </p:nvSpPr>
        <p:spPr/>
        <p:txBody>
          <a:bodyPr/>
          <a:lstStyle/>
          <a:p txid="b514596ccff6f01e963ba9ea24e03cec">
            <a:r>
              <a:rPr lang="es-ES"/>
              <a:t>Rôles d'utilisateur et paramètres de partage</a:t>
            </a:r>
            <a:endParaRPr lang="en-NO"/>
          </a:p>
        </p:txBody>
      </p:sp>
      <p:grpSp>
        <p:nvGrpSpPr>
          <p:cNvPr id="18" name="!!sharing">
            <a:extLst>
              <a:ext uri="{FF2B5EF4-FFF2-40B4-BE49-F238E27FC236}">
                <a16:creationId xmlns:a16="http://schemas.microsoft.com/office/drawing/2014/main" id="{32FD5316-7DBB-FA7E-4C45-306E2D533A5D}"/>
              </a:ext>
            </a:extLst>
          </p:cNvPr>
          <p:cNvGrpSpPr/>
          <p:nvPr/>
        </p:nvGrpSpPr>
        <p:grpSpPr>
          <a:xfrm>
            <a:off x="1733419" y="2669667"/>
            <a:ext cx="1862941" cy="2004144"/>
            <a:chOff x="1333500" y="1969731"/>
            <a:chExt cx="1862941" cy="2004144"/>
          </a:xfrm>
        </p:grpSpPr>
        <p:sp>
          <p:nvSpPr>
            <p:cNvPr id="19" name="Freeform 22">
              <a:extLst>
                <a:ext uri="{FF2B5EF4-FFF2-40B4-BE49-F238E27FC236}">
                  <a16:creationId xmlns:a16="http://schemas.microsoft.com/office/drawing/2014/main" id="{27C9916A-D8F5-8840-ADE6-50523907CD73}"/>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20" name="Group 19">
              <a:extLst>
                <a:ext uri="{FF2B5EF4-FFF2-40B4-BE49-F238E27FC236}">
                  <a16:creationId xmlns:a16="http://schemas.microsoft.com/office/drawing/2014/main" id="{3977268A-83FF-FA80-EEA9-B0229C68D709}"/>
                </a:ext>
              </a:extLst>
            </p:cNvPr>
            <p:cNvGrpSpPr/>
            <p:nvPr/>
          </p:nvGrpSpPr>
          <p:grpSpPr>
            <a:xfrm>
              <a:off x="1746057" y="1969731"/>
              <a:ext cx="923284" cy="861233"/>
              <a:chOff x="2866244" y="2493706"/>
              <a:chExt cx="1072382" cy="1000311"/>
            </a:xfrm>
          </p:grpSpPr>
          <p:sp>
            <p:nvSpPr>
              <p:cNvPr id="28" name="Freeform 23">
                <a:extLst>
                  <a:ext uri="{FF2B5EF4-FFF2-40B4-BE49-F238E27FC236}">
                    <a16:creationId xmlns:a16="http://schemas.microsoft.com/office/drawing/2014/main" id="{BB8DE662-7270-C1B7-8237-3613826A43F0}"/>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9" name="Freeform 24">
                <a:extLst>
                  <a:ext uri="{FF2B5EF4-FFF2-40B4-BE49-F238E27FC236}">
                    <a16:creationId xmlns:a16="http://schemas.microsoft.com/office/drawing/2014/main" id="{0A74D74C-9D73-CD62-E563-F66719E1AAC0}"/>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21" name="Group 20">
              <a:extLst>
                <a:ext uri="{FF2B5EF4-FFF2-40B4-BE49-F238E27FC236}">
                  <a16:creationId xmlns:a16="http://schemas.microsoft.com/office/drawing/2014/main" id="{633FDAB7-4933-6700-CFB8-40C0AF73DD3C}"/>
                </a:ext>
              </a:extLst>
            </p:cNvPr>
            <p:cNvGrpSpPr/>
            <p:nvPr/>
          </p:nvGrpSpPr>
          <p:grpSpPr>
            <a:xfrm>
              <a:off x="1784364" y="3136309"/>
              <a:ext cx="846670" cy="837566"/>
              <a:chOff x="3040063" y="3848672"/>
              <a:chExt cx="983396" cy="972822"/>
            </a:xfrm>
          </p:grpSpPr>
          <p:sp>
            <p:nvSpPr>
              <p:cNvPr id="26" name="Freeform 28">
                <a:extLst>
                  <a:ext uri="{FF2B5EF4-FFF2-40B4-BE49-F238E27FC236}">
                    <a16:creationId xmlns:a16="http://schemas.microsoft.com/office/drawing/2014/main" id="{77A5694B-7339-87DC-5B93-A32C1706E065}"/>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7" name="Freeform 29">
                <a:extLst>
                  <a:ext uri="{FF2B5EF4-FFF2-40B4-BE49-F238E27FC236}">
                    <a16:creationId xmlns:a16="http://schemas.microsoft.com/office/drawing/2014/main" id="{89D7EC16-D90A-9F00-CBBE-074AA45500C1}"/>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22" name="Freeform: Shape 21">
              <a:extLst>
                <a:ext uri="{FF2B5EF4-FFF2-40B4-BE49-F238E27FC236}">
                  <a16:creationId xmlns:a16="http://schemas.microsoft.com/office/drawing/2014/main" id="{77702D50-4269-C109-FDC1-5B15F57EA129}"/>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23" name="Graphic 24">
              <a:extLst>
                <a:ext uri="{FF2B5EF4-FFF2-40B4-BE49-F238E27FC236}">
                  <a16:creationId xmlns:a16="http://schemas.microsoft.com/office/drawing/2014/main" id="{638DCCBF-99A5-7060-08F0-DBF692E57C2A}"/>
                </a:ext>
              </a:extLst>
            </p:cNvPr>
            <p:cNvGrpSpPr/>
            <p:nvPr/>
          </p:nvGrpSpPr>
          <p:grpSpPr>
            <a:xfrm>
              <a:off x="2323290" y="2517060"/>
              <a:ext cx="873151" cy="873151"/>
              <a:chOff x="2323290" y="2517060"/>
              <a:chExt cx="873151" cy="873151"/>
            </a:xfrm>
          </p:grpSpPr>
          <p:sp>
            <p:nvSpPr>
              <p:cNvPr id="24" name="Freeform: Shape 23">
                <a:extLst>
                  <a:ext uri="{FF2B5EF4-FFF2-40B4-BE49-F238E27FC236}">
                    <a16:creationId xmlns:a16="http://schemas.microsoft.com/office/drawing/2014/main" id="{3BFB2CB0-29DC-92CF-1982-71057900B000}"/>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25" name="Freeform: Shape 24">
                <a:extLst>
                  <a:ext uri="{FF2B5EF4-FFF2-40B4-BE49-F238E27FC236}">
                    <a16:creationId xmlns:a16="http://schemas.microsoft.com/office/drawing/2014/main" id="{D4051C78-784F-9321-0003-94BB2A3C225F}"/>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grpSp>
        <p:nvGrpSpPr>
          <p:cNvPr id="30" name="Group 29">
            <a:extLst>
              <a:ext uri="{FF2B5EF4-FFF2-40B4-BE49-F238E27FC236}">
                <a16:creationId xmlns:a16="http://schemas.microsoft.com/office/drawing/2014/main" id="{759DB978-D8C3-9399-36B2-C953D6388134}"/>
              </a:ext>
            </a:extLst>
          </p:cNvPr>
          <p:cNvGrpSpPr/>
          <p:nvPr/>
        </p:nvGrpSpPr>
        <p:grpSpPr>
          <a:xfrm>
            <a:off x="4957783" y="2790207"/>
            <a:ext cx="2170117" cy="1663777"/>
            <a:chOff x="5042099" y="2205086"/>
            <a:chExt cx="2170117" cy="1663777"/>
          </a:xfrm>
        </p:grpSpPr>
        <p:grpSp>
          <p:nvGrpSpPr>
            <p:cNvPr id="31" name="Group 30">
              <a:extLst>
                <a:ext uri="{FF2B5EF4-FFF2-40B4-BE49-F238E27FC236}">
                  <a16:creationId xmlns:a16="http://schemas.microsoft.com/office/drawing/2014/main" id="{15A9F9B3-F097-F5EC-FB2B-518B8377C425}"/>
                </a:ext>
              </a:extLst>
            </p:cNvPr>
            <p:cNvGrpSpPr/>
            <p:nvPr/>
          </p:nvGrpSpPr>
          <p:grpSpPr>
            <a:xfrm>
              <a:off x="5042099" y="2205086"/>
              <a:ext cx="1663776" cy="1663777"/>
              <a:chOff x="4939393" y="2097225"/>
              <a:chExt cx="1584048" cy="1584049"/>
            </a:xfrm>
          </p:grpSpPr>
          <p:sp>
            <p:nvSpPr>
              <p:cNvPr id="36" name="Freeform: Shape 35">
                <a:extLst>
                  <a:ext uri="{FF2B5EF4-FFF2-40B4-BE49-F238E27FC236}">
                    <a16:creationId xmlns:a16="http://schemas.microsoft.com/office/drawing/2014/main" id="{83536A93-743C-23B5-BADD-075E0910071E}"/>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37" name="Group 36">
                <a:extLst>
                  <a:ext uri="{FF2B5EF4-FFF2-40B4-BE49-F238E27FC236}">
                    <a16:creationId xmlns:a16="http://schemas.microsoft.com/office/drawing/2014/main" id="{4C46EA94-4B96-CF36-73D0-9665963300DB}"/>
                  </a:ext>
                </a:extLst>
              </p:cNvPr>
              <p:cNvGrpSpPr/>
              <p:nvPr/>
            </p:nvGrpSpPr>
            <p:grpSpPr>
              <a:xfrm>
                <a:off x="5192227" y="2369148"/>
                <a:ext cx="1078380" cy="1040202"/>
                <a:chOff x="3448859" y="1386457"/>
                <a:chExt cx="1078380" cy="1040202"/>
              </a:xfrm>
            </p:grpSpPr>
            <p:sp>
              <p:nvSpPr>
                <p:cNvPr id="38" name="Freeform: Shape 37">
                  <a:extLst>
                    <a:ext uri="{FF2B5EF4-FFF2-40B4-BE49-F238E27FC236}">
                      <a16:creationId xmlns:a16="http://schemas.microsoft.com/office/drawing/2014/main" id="{39F59216-2F6D-6BDB-77C8-FD8A23394C98}"/>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39" name="Freeform: Shape 38">
                  <a:extLst>
                    <a:ext uri="{FF2B5EF4-FFF2-40B4-BE49-F238E27FC236}">
                      <a16:creationId xmlns:a16="http://schemas.microsoft.com/office/drawing/2014/main" id="{613644CF-BECC-C691-008B-D4FD59472009}"/>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32" name="Freeform: Shape 31">
              <a:extLst>
                <a:ext uri="{FF2B5EF4-FFF2-40B4-BE49-F238E27FC236}">
                  <a16:creationId xmlns:a16="http://schemas.microsoft.com/office/drawing/2014/main" id="{2367A210-7ED8-E694-DC1A-691654535870}"/>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33" name="Graphic 30">
              <a:extLst>
                <a:ext uri="{FF2B5EF4-FFF2-40B4-BE49-F238E27FC236}">
                  <a16:creationId xmlns:a16="http://schemas.microsoft.com/office/drawing/2014/main" id="{2738CD61-8F25-FBA1-515B-D5B21F022F6E}"/>
                </a:ext>
              </a:extLst>
            </p:cNvPr>
            <p:cNvGrpSpPr/>
            <p:nvPr/>
          </p:nvGrpSpPr>
          <p:grpSpPr>
            <a:xfrm>
              <a:off x="6382743" y="2556395"/>
              <a:ext cx="829473" cy="829474"/>
              <a:chOff x="5945741" y="2242429"/>
              <a:chExt cx="1307468" cy="1307469"/>
            </a:xfrm>
          </p:grpSpPr>
          <p:sp>
            <p:nvSpPr>
              <p:cNvPr id="34" name="Freeform: Shape 33">
                <a:extLst>
                  <a:ext uri="{FF2B5EF4-FFF2-40B4-BE49-F238E27FC236}">
                    <a16:creationId xmlns:a16="http://schemas.microsoft.com/office/drawing/2014/main" id="{053EA736-252B-0F75-B718-9F5F7224340F}"/>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BB236479-D797-F5A4-36B0-16A97C47FA18}"/>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40" name="!!sharingbox">
            <a:extLst>
              <a:ext uri="{FF2B5EF4-FFF2-40B4-BE49-F238E27FC236}">
                <a16:creationId xmlns:a16="http://schemas.microsoft.com/office/drawing/2014/main" id="{6C4C0CC2-9EF3-4B4C-3892-A92A1F96DFCB}"/>
              </a:ext>
            </a:extLst>
          </p:cNvPr>
          <p:cNvSpPr/>
          <p:nvPr/>
        </p:nvSpPr>
        <p:spPr>
          <a:xfrm>
            <a:off x="1349087" y="180444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sp>
        <p:nvSpPr>
          <p:cNvPr id="41" name="userbox">
            <a:extLst>
              <a:ext uri="{FF2B5EF4-FFF2-40B4-BE49-F238E27FC236}">
                <a16:creationId xmlns:a16="http://schemas.microsoft.com/office/drawing/2014/main" id="{A198D44F-461B-E1AC-91A5-880DC7F81609}"/>
              </a:ext>
            </a:extLst>
          </p:cNvPr>
          <p:cNvSpPr/>
          <p:nvPr/>
        </p:nvSpPr>
        <p:spPr>
          <a:xfrm>
            <a:off x="4723171" y="180444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grpSp>
        <p:nvGrpSpPr>
          <p:cNvPr id="48" name="Group 47">
            <a:extLst>
              <a:ext uri="{FF2B5EF4-FFF2-40B4-BE49-F238E27FC236}">
                <a16:creationId xmlns:a16="http://schemas.microsoft.com/office/drawing/2014/main" id="{491F4DEE-7195-8EA3-33AD-4272BCC7DCB4}"/>
              </a:ext>
            </a:extLst>
          </p:cNvPr>
          <p:cNvGrpSpPr/>
          <p:nvPr/>
        </p:nvGrpSpPr>
        <p:grpSpPr>
          <a:xfrm>
            <a:off x="8143514" y="1804447"/>
            <a:ext cx="2555840" cy="2769594"/>
            <a:chOff x="8449698" y="1912081"/>
            <a:chExt cx="2555840" cy="2769594"/>
          </a:xfrm>
        </p:grpSpPr>
        <p:grpSp>
          <p:nvGrpSpPr>
            <p:cNvPr id="49" name="Group 48">
              <a:extLst>
                <a:ext uri="{FF2B5EF4-FFF2-40B4-BE49-F238E27FC236}">
                  <a16:creationId xmlns:a16="http://schemas.microsoft.com/office/drawing/2014/main" id="{7134F8DF-1641-229D-9C61-2AF58EE4F987}"/>
                </a:ext>
              </a:extLst>
            </p:cNvPr>
            <p:cNvGrpSpPr/>
            <p:nvPr/>
          </p:nvGrpSpPr>
          <p:grpSpPr>
            <a:xfrm>
              <a:off x="8717815" y="2802364"/>
              <a:ext cx="2019607" cy="1879311"/>
              <a:chOff x="5004556" y="2724411"/>
              <a:chExt cx="1966674" cy="1830055"/>
            </a:xfrm>
          </p:grpSpPr>
          <p:sp>
            <p:nvSpPr>
              <p:cNvPr id="51" name="Rectangle: Rounded Corners 23">
                <a:extLst>
                  <a:ext uri="{FF2B5EF4-FFF2-40B4-BE49-F238E27FC236}">
                    <a16:creationId xmlns:a16="http://schemas.microsoft.com/office/drawing/2014/main" id="{FD1FFB42-384C-E2E2-2BAB-0FC786AD44A2}"/>
                  </a:ext>
                </a:extLst>
              </p:cNvPr>
              <p:cNvSpPr/>
              <p:nvPr/>
            </p:nvSpPr>
            <p:spPr>
              <a:xfrm>
                <a:off x="6451249" y="2729348"/>
                <a:ext cx="429953" cy="1819208"/>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2" name="Rectangle: Rounded Corners 24">
                <a:extLst>
                  <a:ext uri="{FF2B5EF4-FFF2-40B4-BE49-F238E27FC236}">
                    <a16:creationId xmlns:a16="http://schemas.microsoft.com/office/drawing/2014/main" id="{FDF2BC68-0E5A-E0D4-7651-0B7E86D5F87E}"/>
                  </a:ext>
                </a:extLst>
              </p:cNvPr>
              <p:cNvSpPr/>
              <p:nvPr/>
            </p:nvSpPr>
            <p:spPr>
              <a:xfrm flipV="1">
                <a:off x="5779423" y="3120323"/>
                <a:ext cx="429953" cy="1430784"/>
              </a:xfrm>
              <a:prstGeom prst="roundRect">
                <a:avLst>
                  <a:gd fmla="val 50000" name="adj"/>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3" name="Rectangle: Rounded Corners 39">
                <a:extLst>
                  <a:ext uri="{FF2B5EF4-FFF2-40B4-BE49-F238E27FC236}">
                    <a16:creationId xmlns:a16="http://schemas.microsoft.com/office/drawing/2014/main" id="{28AB2FD9-F37F-BC65-65FD-1BC46A5834DE}"/>
                  </a:ext>
                </a:extLst>
              </p:cNvPr>
              <p:cNvSpPr/>
              <p:nvPr/>
            </p:nvSpPr>
            <p:spPr>
              <a:xfrm>
                <a:off x="5102911" y="2735258"/>
                <a:ext cx="429953" cy="1819208"/>
              </a:xfrm>
              <a:prstGeom prst="roundRect">
                <a:avLst>
                  <a:gd fmla="val 50000" name="adj"/>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a:pPr algn="ctr"/>
                <a:endParaRPr lang="es-ES"/>
              </a:p>
            </p:txBody>
          </p:sp>
          <p:sp>
            <p:nvSpPr>
              <p:cNvPr id="54" name="Freeform: Shape 40">
                <a:extLst>
                  <a:ext uri="{FF2B5EF4-FFF2-40B4-BE49-F238E27FC236}">
                    <a16:creationId xmlns:a16="http://schemas.microsoft.com/office/drawing/2014/main" id="{DF463358-5507-CB3E-0D61-AC8D1E73066A}"/>
                  </a:ext>
                </a:extLst>
              </p:cNvPr>
              <p:cNvSpPr/>
              <p:nvPr/>
            </p:nvSpPr>
            <p:spPr>
              <a:xfrm flipV="1">
                <a:off x="5096947" y="4177844"/>
                <a:ext cx="429953" cy="376621"/>
              </a:xfrm>
              <a:custGeom>
                <a:avLst/>
                <a:gdLst>
                  <a:gd fmla="*/ 689612 w 689612" name="connsiteX0"/>
                  <a:gd fmla="*/ 604072 h 604072" name="connsiteY0"/>
                  <a:gd fmla="*/ 689612 w 689612" name="connsiteX1"/>
                  <a:gd fmla="*/ 344806 h 604072" name="connsiteY1"/>
                  <a:gd fmla="*/ 344806 w 689612" name="connsiteX2"/>
                  <a:gd fmla="*/ 0 h 604072" name="connsiteY2"/>
                  <a:gd fmla="*/ 0 w 689612" name="connsiteX3"/>
                  <a:gd fmla="*/ 344806 h 604072" name="connsiteY3"/>
                  <a:gd fmla="*/ 0 w 689612" name="connsiteX4"/>
                  <a:gd fmla="*/ 601927 h 604072" name="connsiteY4"/>
                  <a:gd fmla="*/ 73780 w 689612" name="connsiteX5"/>
                  <a:gd fmla="*/ 541324 h 604072" name="connsiteY5"/>
                  <a:gd fmla="*/ 344830 w 689612" name="connsiteX6"/>
                  <a:gd fmla="*/ 459485 h 604072" name="connsiteY6"/>
                  <a:gd fmla="*/ 626899 w 689612" name="connsiteX7"/>
                  <a:gd fmla="*/ 549675 h 604072"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604072" w="689612">
                    <a:moveTo>
                      <a:pt x="689612" y="604072"/>
                    </a:moveTo>
                    <a:lnTo>
                      <a:pt x="689612" y="344806"/>
                    </a:lnTo>
                    <a:cubicBezTo>
                      <a:pt x="689612" y="154375"/>
                      <a:pt x="535237" y="0"/>
                      <a:pt x="344806" y="0"/>
                    </a:cubicBezTo>
                    <a:cubicBezTo>
                      <a:pt x="154375" y="0"/>
                      <a:pt x="0" y="154375"/>
                      <a:pt x="0" y="344806"/>
                    </a:cubicBezTo>
                    <a:lnTo>
                      <a:pt x="0" y="601927"/>
                    </a:lnTo>
                    <a:lnTo>
                      <a:pt x="73780" y="541324"/>
                    </a:lnTo>
                    <a:cubicBezTo>
                      <a:pt x="153418" y="488076"/>
                      <a:pt x="246948" y="459485"/>
                      <a:pt x="344830" y="459485"/>
                    </a:cubicBezTo>
                    <a:cubicBezTo>
                      <a:pt x="442712" y="459485"/>
                      <a:pt x="543614" y="491609"/>
                      <a:pt x="626899" y="549675"/>
                    </a:cubicBezTo>
                    <a:close/>
                  </a:path>
                </a:pathLst>
              </a:cu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sp>
            <p:nvSpPr>
              <p:cNvPr id="55" name="Freeform: Shape 41">
                <a:extLst>
                  <a:ext uri="{FF2B5EF4-FFF2-40B4-BE49-F238E27FC236}">
                    <a16:creationId xmlns:a16="http://schemas.microsoft.com/office/drawing/2014/main" id="{12E6FAC6-4018-D8B8-7F35-CDC3F940CDE7}"/>
                  </a:ext>
                </a:extLst>
              </p:cNvPr>
              <p:cNvSpPr/>
              <p:nvPr/>
            </p:nvSpPr>
            <p:spPr>
              <a:xfrm>
                <a:off x="5779423" y="2742559"/>
                <a:ext cx="429953" cy="963773"/>
              </a:xfrm>
              <a:custGeom>
                <a:avLst/>
                <a:gdLst>
                  <a:gd fmla="*/ 689613 w 689612" name="connsiteX0"/>
                  <a:gd fmla="*/ 1545819 h 1545818" name="connsiteY0"/>
                  <a:gd fmla="*/ 689613 w 689612" name="connsiteX1"/>
                  <a:gd fmla="*/ 344806 h 1545818" name="connsiteY1"/>
                  <a:gd fmla="*/ 344806 w 689612" name="connsiteX2"/>
                  <a:gd fmla="*/ 0 h 1545818" name="connsiteY2"/>
                  <a:gd fmla="*/ 0 w 689612" name="connsiteX3"/>
                  <a:gd fmla="*/ 344806 h 1545818" name="connsiteY3"/>
                  <a:gd fmla="*/ 0 w 689612" name="connsiteX4"/>
                  <a:gd fmla="*/ 1545819 h 1545818" name="connsiteY4"/>
                  <a:gd fmla="*/ 344806 w 689612" name="connsiteX5"/>
                  <a:gd fmla="*/ 1404302 h 1545818" name="connsiteY5"/>
                  <a:gd fmla="*/ 689613 w 689612" name="connsiteX6"/>
                  <a:gd fmla="*/ 1545819 h 1545818"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545818" w="689612">
                    <a:moveTo>
                      <a:pt x="689613" y="1545819"/>
                    </a:moveTo>
                    <a:lnTo>
                      <a:pt x="689613" y="344806"/>
                    </a:lnTo>
                    <a:cubicBezTo>
                      <a:pt x="689613" y="154390"/>
                      <a:pt x="535223" y="0"/>
                      <a:pt x="344806" y="0"/>
                    </a:cubicBezTo>
                    <a:cubicBezTo>
                      <a:pt x="154390" y="0"/>
                      <a:pt x="0" y="154390"/>
                      <a:pt x="0" y="344806"/>
                    </a:cubicBezTo>
                    <a:lnTo>
                      <a:pt x="0" y="1545819"/>
                    </a:lnTo>
                    <a:cubicBezTo>
                      <a:pt x="91530" y="1455626"/>
                      <a:pt x="215953" y="1404302"/>
                      <a:pt x="344806" y="1404302"/>
                    </a:cubicBezTo>
                    <a:cubicBezTo>
                      <a:pt x="473659" y="1404302"/>
                      <a:pt x="598082" y="1455626"/>
                      <a:pt x="689613" y="1545819"/>
                    </a:cubicBezTo>
                    <a:close/>
                  </a:path>
                </a:pathLst>
              </a:custGeom>
              <a:solidFill>
                <a:schemeClr val="accent1"/>
              </a:solidFill>
              <a:ln cap="flat" w="4170">
                <a:noFill/>
                <a:prstDash val="solid"/>
                <a:miter/>
              </a:ln>
            </p:spPr>
            <p:txBody>
              <a:bodyPr anchor="ctr" rtlCol="0"/>
              <a:lstStyle/>
              <a:p>
                <a:endParaRPr dirty="0" lang="es-ES"/>
              </a:p>
            </p:txBody>
          </p:sp>
          <p:sp>
            <p:nvSpPr>
              <p:cNvPr id="56" name="Freeform: Shape 42">
                <a:extLst>
                  <a:ext uri="{FF2B5EF4-FFF2-40B4-BE49-F238E27FC236}">
                    <a16:creationId xmlns:a16="http://schemas.microsoft.com/office/drawing/2014/main" id="{FC9450EE-A6A3-2ABE-590A-CC8E05C85AE5}"/>
                  </a:ext>
                </a:extLst>
              </p:cNvPr>
              <p:cNvSpPr/>
              <p:nvPr/>
            </p:nvSpPr>
            <p:spPr>
              <a:xfrm>
                <a:off x="5103483" y="3853827"/>
                <a:ext cx="429953" cy="695560"/>
              </a:xfrm>
              <a:custGeom>
                <a:avLst/>
                <a:gdLst>
                  <a:gd fmla="*/ 332268 w 689612" name="connsiteX0"/>
                  <a:gd fmla="*/ 154348 h 1115626" name="connsiteY0"/>
                  <a:gd fmla="*/ 0 w 689612" name="connsiteX1"/>
                  <a:gd fmla="*/ 24742 h 1115626" name="connsiteY1"/>
                  <a:gd fmla="*/ 0 w 689612" name="connsiteX2"/>
                  <a:gd fmla="*/ 770820 h 1115626" name="connsiteY2"/>
                  <a:gd fmla="*/ 344806 w 689612" name="connsiteX3"/>
                  <a:gd fmla="*/ 1115626 h 1115626" name="connsiteY3"/>
                  <a:gd fmla="*/ 689613 w 689612" name="connsiteX4"/>
                  <a:gd fmla="*/ 770820 h 1115626" name="connsiteY4"/>
                  <a:gd fmla="*/ 689613 w 689612" name="connsiteX5"/>
                  <a:gd fmla="*/ 0 h 1115626" name="connsiteY5"/>
                  <a:gd fmla="*/ 332268 w 689612" name="connsiteX6"/>
                  <a:gd fmla="*/ 154348 h 1115626" name="connsiteY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b="b" l="l" r="r" t="t"/>
                <a:pathLst>
                  <a:path h="1115626" w="689612">
                    <a:moveTo>
                      <a:pt x="332268" y="154348"/>
                    </a:moveTo>
                    <a:cubicBezTo>
                      <a:pt x="208054" y="154348"/>
                      <a:pt x="90862" y="108457"/>
                      <a:pt x="0" y="24742"/>
                    </a:cubicBezTo>
                    <a:lnTo>
                      <a:pt x="0" y="770820"/>
                    </a:lnTo>
                    <a:cubicBezTo>
                      <a:pt x="0" y="961236"/>
                      <a:pt x="154390" y="1115626"/>
                      <a:pt x="344806" y="1115626"/>
                    </a:cubicBezTo>
                    <a:cubicBezTo>
                      <a:pt x="535223" y="1115626"/>
                      <a:pt x="689613" y="961236"/>
                      <a:pt x="689613" y="770820"/>
                    </a:cubicBezTo>
                    <a:lnTo>
                      <a:pt x="689613" y="0"/>
                    </a:lnTo>
                    <a:cubicBezTo>
                      <a:pt x="597079" y="98134"/>
                      <a:pt x="467098" y="154348"/>
                      <a:pt x="332268" y="154348"/>
                    </a:cubicBezTo>
                    <a:close/>
                  </a:path>
                </a:pathLst>
              </a:custGeom>
              <a:solidFill>
                <a:srgbClr val="093371"/>
              </a:solidFill>
              <a:ln cap="flat" w="4170">
                <a:noFill/>
                <a:prstDash val="solid"/>
                <a:miter/>
              </a:ln>
            </p:spPr>
            <p:txBody>
              <a:bodyPr anchor="ctr" rtlCol="0"/>
              <a:lstStyle/>
              <a:p>
                <a:endParaRPr lang="es-ES"/>
              </a:p>
            </p:txBody>
          </p:sp>
          <p:grpSp>
            <p:nvGrpSpPr>
              <p:cNvPr id="57" name="Group 56">
                <a:extLst>
                  <a:ext uri="{FF2B5EF4-FFF2-40B4-BE49-F238E27FC236}">
                    <a16:creationId xmlns:a16="http://schemas.microsoft.com/office/drawing/2014/main" id="{C94EA4E9-5541-31B8-54BB-7D0E3A73750C}"/>
                  </a:ext>
                </a:extLst>
              </p:cNvPr>
              <p:cNvGrpSpPr/>
              <p:nvPr/>
            </p:nvGrpSpPr>
            <p:grpSpPr>
              <a:xfrm>
                <a:off x="5691394" y="3606543"/>
                <a:ext cx="610009" cy="609981"/>
                <a:chOff x="8796505" y="3722587"/>
                <a:chExt cx="978408" cy="978363"/>
              </a:xfrm>
            </p:grpSpPr>
            <p:grpSp>
              <p:nvGrpSpPr>
                <p:cNvPr id="67" name="Group 66">
                  <a:extLst>
                    <a:ext uri="{FF2B5EF4-FFF2-40B4-BE49-F238E27FC236}">
                      <a16:creationId xmlns:a16="http://schemas.microsoft.com/office/drawing/2014/main" id="{9216CBD5-F305-A307-612C-AC2FE4CD0111}"/>
                    </a:ext>
                  </a:extLst>
                </p:cNvPr>
                <p:cNvGrpSpPr/>
                <p:nvPr/>
              </p:nvGrpSpPr>
              <p:grpSpPr>
                <a:xfrm>
                  <a:off x="8796505" y="3722587"/>
                  <a:ext cx="978408" cy="978363"/>
                  <a:chOff x="4531194" y="3289250"/>
                  <a:chExt cx="978408" cy="978363"/>
                </a:xfrm>
              </p:grpSpPr>
              <p:sp>
                <p:nvSpPr>
                  <p:cNvPr id="69" name="Freeform: Shape 46">
                    <a:extLst>
                      <a:ext uri="{FF2B5EF4-FFF2-40B4-BE49-F238E27FC236}">
                        <a16:creationId xmlns:a16="http://schemas.microsoft.com/office/drawing/2014/main" id="{C00FB831-ECA5-6AF9-3F45-EBD78F52A943}"/>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70" name="Freeform: Shape 47">
                    <a:extLst>
                      <a:ext uri="{FF2B5EF4-FFF2-40B4-BE49-F238E27FC236}">
                        <a16:creationId xmlns:a16="http://schemas.microsoft.com/office/drawing/2014/main" id="{BF6A2533-E0DE-7F2A-A50D-0B2BCC99442B}"/>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71" name="Freeform: Shape 48">
                    <a:extLst>
                      <a:ext uri="{FF2B5EF4-FFF2-40B4-BE49-F238E27FC236}">
                        <a16:creationId xmlns:a16="http://schemas.microsoft.com/office/drawing/2014/main" id="{A5EDF461-3783-FFA1-708A-B54C7B22BE29}"/>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68" name="Freeform: Shape 45">
                  <a:extLst>
                    <a:ext uri="{FF2B5EF4-FFF2-40B4-BE49-F238E27FC236}">
                      <a16:creationId xmlns:a16="http://schemas.microsoft.com/office/drawing/2014/main" id="{D85FD8AA-EA9A-9CEA-A6C6-F773ABD3B279}"/>
                    </a:ext>
                  </a:extLst>
                </p:cNvPr>
                <p:cNvSpPr/>
                <p:nvPr/>
              </p:nvSpPr>
              <p:spPr>
                <a:xfrm rot="20803200">
                  <a:off x="9053832" y="3979889"/>
                  <a:ext cx="463754" cy="463754"/>
                </a:xfrm>
                <a:custGeom>
                  <a:avLst/>
                  <a:gdLst>
                    <a:gd fmla="*/ 463754 w 463754" name="connsiteX0"/>
                    <a:gd fmla="*/ 231877 h 463754" name="connsiteY0"/>
                    <a:gd fmla="*/ 231877 w 463754" name="connsiteX1"/>
                    <a:gd fmla="*/ 463754 h 463754" name="connsiteY1"/>
                    <a:gd fmla="*/ 0 w 463754" name="connsiteX2"/>
                    <a:gd fmla="*/ 231877 h 463754" name="connsiteY2"/>
                    <a:gd fmla="*/ 231877 w 463754" name="connsiteX3"/>
                    <a:gd fmla="*/ 0 h 463754" name="connsiteY3"/>
                    <a:gd fmla="*/ 463754 w 463754" name="connsiteX4"/>
                    <a:gd fmla="*/ 231877 h 46375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63754" w="463754">
                      <a:moveTo>
                        <a:pt x="463754" y="231877"/>
                      </a:moveTo>
                      <a:cubicBezTo>
                        <a:pt x="463754" y="359939"/>
                        <a:pt x="359939" y="463754"/>
                        <a:pt x="231877" y="463754"/>
                      </a:cubicBezTo>
                      <a:cubicBezTo>
                        <a:pt x="103815" y="463754"/>
                        <a:pt x="0" y="359939"/>
                        <a:pt x="0" y="231877"/>
                      </a:cubicBezTo>
                      <a:cubicBezTo>
                        <a:pt x="0" y="103815"/>
                        <a:pt x="103815" y="0"/>
                        <a:pt x="231877" y="0"/>
                      </a:cubicBezTo>
                      <a:cubicBezTo>
                        <a:pt x="359939" y="0"/>
                        <a:pt x="463754" y="103815"/>
                        <a:pt x="463754" y="231877"/>
                      </a:cubicBezTo>
                      <a:close/>
                    </a:path>
                  </a:pathLst>
                </a:custGeom>
                <a:solidFill>
                  <a:srgbClr val="FF8F02"/>
                </a:solidFill>
                <a:ln cap="flat" w="4170">
                  <a:noFill/>
                  <a:prstDash val="solid"/>
                  <a:miter/>
                </a:ln>
              </p:spPr>
              <p:txBody>
                <a:bodyPr anchor="ctr" rtlCol="0"/>
                <a:lstStyle/>
                <a:p>
                  <a:endParaRPr lang="es-ES"/>
                </a:p>
              </p:txBody>
            </p:sp>
          </p:grpSp>
          <p:grpSp>
            <p:nvGrpSpPr>
              <p:cNvPr id="58" name="Group 57">
                <a:extLst>
                  <a:ext uri="{FF2B5EF4-FFF2-40B4-BE49-F238E27FC236}">
                    <a16:creationId xmlns:a16="http://schemas.microsoft.com/office/drawing/2014/main" id="{939BB236-EA06-E9AC-A860-FD41F224C6E2}"/>
                  </a:ext>
                </a:extLst>
              </p:cNvPr>
              <p:cNvGrpSpPr/>
              <p:nvPr/>
            </p:nvGrpSpPr>
            <p:grpSpPr>
              <a:xfrm>
                <a:off x="5004556" y="3338919"/>
                <a:ext cx="610009" cy="609981"/>
                <a:chOff x="4531194" y="3289250"/>
                <a:chExt cx="978408" cy="978363"/>
              </a:xfrm>
            </p:grpSpPr>
            <p:sp>
              <p:nvSpPr>
                <p:cNvPr id="64" name="Freeform: Shape 50">
                  <a:extLst>
                    <a:ext uri="{FF2B5EF4-FFF2-40B4-BE49-F238E27FC236}">
                      <a16:creationId xmlns:a16="http://schemas.microsoft.com/office/drawing/2014/main" id="{67E13D1F-4DCD-892D-387E-8E58750D690D}"/>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5" name="Freeform: Shape 51">
                  <a:extLst>
                    <a:ext uri="{FF2B5EF4-FFF2-40B4-BE49-F238E27FC236}">
                      <a16:creationId xmlns:a16="http://schemas.microsoft.com/office/drawing/2014/main" id="{346944C0-CAF1-72AC-69DB-B0B523C17423}"/>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6" name="Freeform: Shape 52">
                  <a:extLst>
                    <a:ext uri="{FF2B5EF4-FFF2-40B4-BE49-F238E27FC236}">
                      <a16:creationId xmlns:a16="http://schemas.microsoft.com/office/drawing/2014/main" id="{6A74CF88-3E65-1214-8388-30E7485DC5DE}"/>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sp>
            <p:nvSpPr>
              <p:cNvPr id="59" name="Freeform: Shape 53">
                <a:extLst>
                  <a:ext uri="{FF2B5EF4-FFF2-40B4-BE49-F238E27FC236}">
                    <a16:creationId xmlns:a16="http://schemas.microsoft.com/office/drawing/2014/main" id="{FB02676E-A6CF-9DE7-CFDD-4A8A251F8231}"/>
                  </a:ext>
                </a:extLst>
              </p:cNvPr>
              <p:cNvSpPr/>
              <p:nvPr/>
            </p:nvSpPr>
            <p:spPr>
              <a:xfrm>
                <a:off x="6451249" y="2724411"/>
                <a:ext cx="429953" cy="648569"/>
              </a:xfrm>
              <a:custGeom>
                <a:avLst/>
                <a:gdLst>
                  <a:gd fmla="*/ 344806 w 689612" name="connsiteX0"/>
                  <a:gd fmla="*/ 0 h 1040255" name="connsiteY0"/>
                  <a:gd fmla="*/ 689612 w 689612" name="connsiteX1"/>
                  <a:gd fmla="*/ 344806 h 1040255" name="connsiteY1"/>
                  <a:gd fmla="*/ 689612 w 689612" name="connsiteX2"/>
                  <a:gd fmla="*/ 1040255 h 1040255" name="connsiteY2"/>
                  <a:gd fmla="*/ 627576 w 689612" name="connsiteX3"/>
                  <a:gd fmla="*/ 985933 h 1040255" name="connsiteY3"/>
                  <a:gd fmla="*/ 344784 w 689612" name="connsiteX4"/>
                  <a:gd fmla="*/ 895743 h 1040255" name="connsiteY4"/>
                  <a:gd fmla="*/ 73011 w 689612" name="connsiteX5"/>
                  <a:gd fmla="*/ 977582 h 1040255" name="connsiteY5"/>
                  <a:gd fmla="*/ 0 w 689612" name="connsiteX6"/>
                  <a:gd fmla="*/ 1038140 h 1040255" name="connsiteY6"/>
                  <a:gd fmla="*/ 0 w 689612" name="connsiteX7"/>
                  <a:gd fmla="*/ 344806 h 1040255" name="connsiteY7"/>
                  <a:gd fmla="*/ 344806 w 689612" name="connsiteX8"/>
                  <a:gd fmla="*/ 0 h 1040255" name="connsiteY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b="b" l="l" r="r" t="t"/>
                <a:pathLst>
                  <a:path h="1040255" w="689612">
                    <a:moveTo>
                      <a:pt x="344806" y="0"/>
                    </a:moveTo>
                    <a:cubicBezTo>
                      <a:pt x="535237" y="0"/>
                      <a:pt x="689612" y="154375"/>
                      <a:pt x="689612" y="344806"/>
                    </a:cubicBezTo>
                    <a:lnTo>
                      <a:pt x="689612" y="1040255"/>
                    </a:lnTo>
                    <a:lnTo>
                      <a:pt x="627576" y="985933"/>
                    </a:lnTo>
                    <a:cubicBezTo>
                      <a:pt x="545496" y="927867"/>
                      <a:pt x="446522" y="895743"/>
                      <a:pt x="344784" y="895743"/>
                    </a:cubicBezTo>
                    <a:cubicBezTo>
                      <a:pt x="243045" y="895743"/>
                      <a:pt x="151443" y="924335"/>
                      <a:pt x="73011" y="977582"/>
                    </a:cubicBezTo>
                    <a:lnTo>
                      <a:pt x="0" y="1038140"/>
                    </a:lnTo>
                    <a:lnTo>
                      <a:pt x="0" y="344806"/>
                    </a:lnTo>
                    <a:cubicBezTo>
                      <a:pt x="0" y="154375"/>
                      <a:pt x="154375" y="0"/>
                      <a:pt x="344806" y="0"/>
                    </a:cubicBezTo>
                    <a:close/>
                  </a:path>
                </a:pathLst>
              </a:cu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wrap="square">
                <a:noAutofit/>
              </a:bodyPr>
              <a:lstStyle/>
              <a:p>
                <a:pPr algn="ctr"/>
                <a:endParaRPr lang="es-ES"/>
              </a:p>
            </p:txBody>
          </p:sp>
          <p:grpSp>
            <p:nvGrpSpPr>
              <p:cNvPr id="60" name="Group 59">
                <a:extLst>
                  <a:ext uri="{FF2B5EF4-FFF2-40B4-BE49-F238E27FC236}">
                    <a16:creationId xmlns:a16="http://schemas.microsoft.com/office/drawing/2014/main" id="{5DB36E41-76DE-91B3-5E62-CEA0D80A95C0}"/>
                  </a:ext>
                </a:extLst>
              </p:cNvPr>
              <p:cNvGrpSpPr/>
              <p:nvPr/>
            </p:nvGrpSpPr>
            <p:grpSpPr>
              <a:xfrm>
                <a:off x="6361221" y="2990889"/>
                <a:ext cx="610009" cy="609981"/>
                <a:chOff x="4531194" y="3289250"/>
                <a:chExt cx="978408" cy="978363"/>
              </a:xfrm>
            </p:grpSpPr>
            <p:sp>
              <p:nvSpPr>
                <p:cNvPr id="61" name="Freeform: Shape 55">
                  <a:extLst>
                    <a:ext uri="{FF2B5EF4-FFF2-40B4-BE49-F238E27FC236}">
                      <a16:creationId xmlns:a16="http://schemas.microsoft.com/office/drawing/2014/main" id="{64939425-0790-4C69-9068-85215698B250}"/>
                    </a:ext>
                  </a:extLst>
                </p:cNvPr>
                <p:cNvSpPr/>
                <p:nvPr/>
              </p:nvSpPr>
              <p:spPr>
                <a:xfrm>
                  <a:off x="4568403" y="3330727"/>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rgbClr val="093371"/>
                </a:solidFill>
                <a:ln cap="flat" w="4170">
                  <a:noFill/>
                  <a:prstDash val="solid"/>
                  <a:miter/>
                </a:ln>
              </p:spPr>
              <p:txBody>
                <a:bodyPr anchor="ctr" rtlCol="0"/>
                <a:lstStyle/>
                <a:p>
                  <a:endParaRPr lang="es-ES"/>
                </a:p>
              </p:txBody>
            </p:sp>
            <p:sp>
              <p:nvSpPr>
                <p:cNvPr id="62" name="Freeform: Shape 56">
                  <a:extLst>
                    <a:ext uri="{FF2B5EF4-FFF2-40B4-BE49-F238E27FC236}">
                      <a16:creationId xmlns:a16="http://schemas.microsoft.com/office/drawing/2014/main" id="{722117A4-CB2E-A60E-0477-EF780081776C}"/>
                    </a:ext>
                  </a:extLst>
                </p:cNvPr>
                <p:cNvSpPr>
                  <a:spLocks noChangeAspect="1"/>
                </p:cNvSpPr>
                <p:nvPr/>
              </p:nvSpPr>
              <p:spPr>
                <a:xfrm>
                  <a:off x="4531194" y="3289250"/>
                  <a:ext cx="978408" cy="978363"/>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bg1"/>
                </a:solidFill>
                <a:ln cap="flat" w="53975">
                  <a:noFill/>
                  <a:prstDash val="solid"/>
                  <a:miter/>
                </a:ln>
              </p:spPr>
              <p:txBody>
                <a:bodyPr anchor="ctr" rtlCol="0"/>
                <a:lstStyle/>
                <a:p>
                  <a:endParaRPr lang="es-ES"/>
                </a:p>
              </p:txBody>
            </p:sp>
            <p:sp>
              <p:nvSpPr>
                <p:cNvPr id="63" name="Freeform: Shape 57">
                  <a:extLst>
                    <a:ext uri="{FF2B5EF4-FFF2-40B4-BE49-F238E27FC236}">
                      <a16:creationId xmlns:a16="http://schemas.microsoft.com/office/drawing/2014/main" id="{AEE4239A-DF27-FBD2-D002-DBC5338797F7}"/>
                    </a:ext>
                  </a:extLst>
                </p:cNvPr>
                <p:cNvSpPr/>
                <p:nvPr/>
              </p:nvSpPr>
              <p:spPr>
                <a:xfrm>
                  <a:off x="4564608" y="3327990"/>
                  <a:ext cx="898627" cy="898586"/>
                </a:xfrm>
                <a:custGeom>
                  <a:avLst/>
                  <a:gdLst>
                    <a:gd fmla="*/ 790756 w 898627" name="connsiteX0"/>
                    <a:gd fmla="*/ 157399 h 898586" name="connsiteY0"/>
                    <a:gd fmla="*/ 778761 w 898627" name="connsiteX1"/>
                    <a:gd fmla="*/ 143899 h 898586" name="connsiteY1"/>
                    <a:gd fmla="*/ 449293 w 898627" name="connsiteX2"/>
                    <a:gd fmla="*/ 0 h 898586" name="connsiteY2"/>
                    <a:gd fmla="*/ 131779 w 898627" name="connsiteX3"/>
                    <a:gd fmla="*/ 131486 h 898586" name="connsiteY3"/>
                    <a:gd fmla="*/ 119784 w 898627" name="connsiteX4"/>
                    <a:gd fmla="*/ 143857 h 898586" name="connsiteY4"/>
                    <a:gd fmla="*/ 0 w 898627" name="connsiteX5"/>
                    <a:gd fmla="*/ 449335 h 898586" name="connsiteY5"/>
                    <a:gd fmla="*/ 119825 w 898627" name="connsiteX6"/>
                    <a:gd fmla="*/ 754729 h 898586" name="connsiteY6"/>
                    <a:gd fmla="*/ 131821 w 898627" name="connsiteX7"/>
                    <a:gd fmla="*/ 767100 h 898586" name="connsiteY7"/>
                    <a:gd fmla="*/ 449335 w 898627" name="connsiteX8"/>
                    <a:gd fmla="*/ 898586 h 898586" name="connsiteY8"/>
                    <a:gd fmla="*/ 778803 w 898627" name="connsiteX9"/>
                    <a:gd fmla="*/ 754687 h 898586" name="connsiteY9"/>
                    <a:gd fmla="*/ 790798 w 898627" name="connsiteX10"/>
                    <a:gd fmla="*/ 741187 h 898586" name="connsiteY10"/>
                    <a:gd fmla="*/ 898628 w 898627" name="connsiteX11"/>
                    <a:gd fmla="*/ 449251 h 898586" name="connsiteY11"/>
                    <a:gd fmla="*/ 790798 w 898627" name="connsiteX12"/>
                    <a:gd fmla="*/ 157315 h 898586" name="connsiteY1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b="b" l="l" r="r" t="t"/>
                  <a:pathLst>
                    <a:path h="898586" w="898627">
                      <a:moveTo>
                        <a:pt x="790756" y="157399"/>
                      </a:moveTo>
                      <a:cubicBezTo>
                        <a:pt x="786576" y="152509"/>
                        <a:pt x="782648" y="148079"/>
                        <a:pt x="778761" y="143899"/>
                      </a:cubicBezTo>
                      <a:cubicBezTo>
                        <a:pt x="693959" y="52452"/>
                        <a:pt x="573883" y="0"/>
                        <a:pt x="449293" y="0"/>
                      </a:cubicBezTo>
                      <a:cubicBezTo>
                        <a:pt x="324703" y="0"/>
                        <a:pt x="216664" y="46685"/>
                        <a:pt x="131779" y="131486"/>
                      </a:cubicBezTo>
                      <a:cubicBezTo>
                        <a:pt x="127223" y="136042"/>
                        <a:pt x="123294" y="140096"/>
                        <a:pt x="119784" y="143857"/>
                      </a:cubicBezTo>
                      <a:cubicBezTo>
                        <a:pt x="42547" y="227238"/>
                        <a:pt x="0" y="335695"/>
                        <a:pt x="0" y="449335"/>
                      </a:cubicBezTo>
                      <a:cubicBezTo>
                        <a:pt x="0" y="562975"/>
                        <a:pt x="42547" y="671432"/>
                        <a:pt x="119825" y="754729"/>
                      </a:cubicBezTo>
                      <a:cubicBezTo>
                        <a:pt x="123336" y="758490"/>
                        <a:pt x="127265" y="762544"/>
                        <a:pt x="131821" y="767100"/>
                      </a:cubicBezTo>
                      <a:cubicBezTo>
                        <a:pt x="216706" y="851902"/>
                        <a:pt x="329468" y="898586"/>
                        <a:pt x="449335" y="898586"/>
                      </a:cubicBezTo>
                      <a:cubicBezTo>
                        <a:pt x="569202" y="898586"/>
                        <a:pt x="694001" y="846134"/>
                        <a:pt x="778803" y="754687"/>
                      </a:cubicBezTo>
                      <a:cubicBezTo>
                        <a:pt x="782690" y="750508"/>
                        <a:pt x="786618" y="746077"/>
                        <a:pt x="790798" y="741187"/>
                      </a:cubicBezTo>
                      <a:cubicBezTo>
                        <a:pt x="860344" y="659938"/>
                        <a:pt x="898628" y="556246"/>
                        <a:pt x="898628" y="449251"/>
                      </a:cubicBezTo>
                      <a:cubicBezTo>
                        <a:pt x="898628" y="342257"/>
                        <a:pt x="860344" y="238564"/>
                        <a:pt x="790798" y="157315"/>
                      </a:cubicBezTo>
                      <a:close/>
                    </a:path>
                  </a:pathLst>
                </a:custGeom>
                <a:solidFill>
                  <a:schemeClr val="tx2"/>
                </a:solidFill>
                <a:ln cap="flat" w="53975">
                  <a:noFill/>
                  <a:prstDash val="solid"/>
                  <a:miter/>
                </a:ln>
              </p:spPr>
              <p:txBody>
                <a:bodyPr anchor="ctr" rtlCol="0"/>
                <a:lstStyle/>
                <a:p>
                  <a:endParaRPr lang="es-ES"/>
                </a:p>
              </p:txBody>
            </p:sp>
          </p:grpSp>
        </p:grpSp>
        <p:sp>
          <p:nvSpPr>
            <p:cNvPr id="50" name="TextBox 49">
              <a:extLst>
                <a:ext uri="{FF2B5EF4-FFF2-40B4-BE49-F238E27FC236}">
                  <a16:creationId xmlns:a16="http://schemas.microsoft.com/office/drawing/2014/main" id="{CFB04DDC-FBB7-1A72-0672-A206FE1C64B7}"/>
                </a:ext>
              </a:extLst>
            </p:cNvPr>
            <p:cNvSpPr txBox="1"/>
            <p:nvPr/>
          </p:nvSpPr>
          <p:spPr>
            <a:xfrm>
              <a:off x="8449698" y="1912081"/>
              <a:ext cx="2555840" cy="640080"/>
            </a:xfrm>
            <a:prstGeom prst="round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defPPr>
                <a:defRPr lang="es-ES"/>
              </a:defPPr>
              <a:lvl1pPr algn="ctr">
                <a:buClr>
                  <a:srgbClr val="008CCF"/>
                </a:buClr>
                <a:defRPr sz="2400">
                  <a:solidFill>
                    <a:schemeClr val="lt1"/>
                  </a:solidFill>
                </a:defRPr>
              </a:lvl1pPr>
              <a:lvl2pPr>
                <a:defRPr>
                  <a:solidFill>
                    <a:schemeClr val="lt1"/>
                  </a:solidFill>
                </a:defRPr>
              </a:lvl2pPr>
              <a:lvl3pPr>
                <a:defRPr>
                  <a:solidFill>
                    <a:schemeClr val="lt1"/>
                  </a:solidFill>
                </a:defRPr>
              </a:lvl3pPr>
              <a:lvl4pPr>
                <a:defRPr>
                  <a:solidFill>
                    <a:schemeClr val="lt1"/>
                  </a:solidFill>
                </a:defRPr>
              </a:lvl4pPr>
              <a:lvl5pPr>
                <a:defRPr>
                  <a:solidFill>
                    <a:schemeClr val="lt1"/>
                  </a:solidFill>
                </a:defRPr>
              </a:lvl5pPr>
              <a:lvl6pPr>
                <a:defRPr>
                  <a:solidFill>
                    <a:schemeClr val="lt1"/>
                  </a:solidFill>
                </a:defRPr>
              </a:lvl6pPr>
              <a:lvl7pPr>
                <a:defRPr>
                  <a:solidFill>
                    <a:schemeClr val="lt1"/>
                  </a:solidFill>
                </a:defRPr>
              </a:lvl7pPr>
              <a:lvl8pPr>
                <a:defRPr>
                  <a:solidFill>
                    <a:schemeClr val="lt1"/>
                  </a:solidFill>
                </a:defRPr>
              </a:lvl8pPr>
              <a:lvl9pPr>
                <a:defRPr>
                  <a:solidFill>
                    <a:schemeClr val="lt1"/>
                  </a:solidFill>
                </a:defRPr>
              </a:lvl9pPr>
            </a:lstStyle>
            <a:p txid="50a30900718c28720f6e235297e50ede">
              <a:r>
                <a:rPr lang="es-ES"/>
                <a:t>Application Maintenance </a:t>
              </a:r>
            </a:p>
          </p:txBody>
        </p:sp>
      </p:grpSp>
      <p:sp>
        <p:nvSpPr>
          <p:cNvPr id="3" name="TextBox 2">
            <a:extLst>
              <a:ext uri="{FF2B5EF4-FFF2-40B4-BE49-F238E27FC236}">
                <a16:creationId xmlns:a16="http://schemas.microsoft.com/office/drawing/2014/main" id="{0E1BE52F-5105-9DCF-85AD-B93D68494998}"/>
              </a:ext>
            </a:extLst>
          </p:cNvPr>
          <p:cNvSpPr txBox="1"/>
          <p:nvPr/>
        </p:nvSpPr>
        <p:spPr>
          <a:xfrm>
            <a:off x="2394734" y="5082413"/>
            <a:ext cx="4318429" cy="461665"/>
          </a:xfrm>
          <a:prstGeom prst="rect">
            <a:avLst/>
          </a:prstGeom>
          <a:noFill/>
        </p:spPr>
        <p:txBody>
          <a:bodyPr rtlCol="0" wrap="square">
            <a:spAutoFit/>
          </a:bodyPr>
          <a:lstStyle/>
          <a:p txid="7ef81df4beaf9726e61c9bd9730b16b9">
            <a:pPr algn="l" indent="-342900" marL="342900">
              <a:buClr>
                <a:srgbClr val="008CCF"/>
              </a:buClr>
              <a:buFont charset="-79" pitchFamily="2" typeface="Rubik"/>
              <a:buChar char="•"/>
            </a:pPr>
            <a:r>
              <a:rPr lang="es-ES" sz="2400"/>
              <a:t>Modifier des éléments de données particuliers</a:t>
            </a:r>
          </a:p>
        </p:txBody>
      </p:sp>
    </p:spTree>
    <p:custDataLst>
      <p:tags r:id="rId1"/>
    </p:custDataLst>
    <p:extLst>
      <p:ext uri="{BB962C8B-B14F-4D97-AF65-F5344CB8AC3E}">
        <p14:creationId xmlns:p14="http://schemas.microsoft.com/office/powerpoint/2010/main" val="455692557"/>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advTm="9547" p14:dur="425">
        <p159:morph option="byObject"/>
      </p:transition>
    </mc:Choice>
    <mc:Fallback xmlns="">
      <p:transition advTm="9547">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 presetSubtype="2">
                                  <p:stCondLst>
                                    <p:cond delay="0"/>
                                  </p:stCondLst>
                                  <p:childTnLst>
                                    <p:set>
                                      <p:cBhvr>
                                        <p:cTn dur="1" fill="hold" id="11">
                                          <p:stCondLst>
                                            <p:cond delay="0"/>
                                          </p:stCondLst>
                                        </p:cTn>
                                        <p:tgtEl>
                                          <p:spTgt spid="48"/>
                                        </p:tgtEl>
                                        <p:attrNameLst>
                                          <p:attrName>style.visibility</p:attrName>
                                        </p:attrNameLst>
                                      </p:cBhvr>
                                      <p:to>
                                        <p:strVal val="visible"/>
                                      </p:to>
                                    </p:set>
                                    <p:anim calcmode="lin" valueType="num">
                                      <p:cBhvr additive="base">
                                        <p:cTn dur="500" fill="hold" id="12"/>
                                        <p:tgtEl>
                                          <p:spTgt spid="48"/>
                                        </p:tgtEl>
                                        <p:attrNameLst>
                                          <p:attrName>ppt_x</p:attrName>
                                        </p:attrNameLst>
                                      </p:cBhvr>
                                      <p:tavLst>
                                        <p:tav tm="0">
                                          <p:val>
                                            <p:strVal val="1+#ppt_w/2"/>
                                          </p:val>
                                        </p:tav>
                                        <p:tav tm="100000">
                                          <p:val>
                                            <p:strVal val="#ppt_x"/>
                                          </p:val>
                                        </p:tav>
                                      </p:tavLst>
                                    </p:anim>
                                    <p:anim calcmode="lin" valueType="num">
                                      <p:cBhvr additive="base">
                                        <p:cTn dur="500" fill="hold" id="13"/>
                                        <p:tgtEl>
                                          <p:spTgt spid="48"/>
                                        </p:tgtEl>
                                        <p:attrNameLst>
                                          <p:attrName>ppt_y</p:attrName>
                                        </p:attrNameLst>
                                      </p:cBhvr>
                                      <p:tavLst>
                                        <p:tav tm="0">
                                          <p:val>
                                            <p:strVal val="#ppt_y"/>
                                          </p:val>
                                        </p:tav>
                                        <p:tav tm="100000">
                                          <p:val>
                                            <p:strVal val="#ppt_y"/>
                                          </p:val>
                                        </p:tav>
                                      </p:tavLst>
                                    </p:anim>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Lst>
  </p:timing>
</p:sld>
</file>

<file path=ppt/slides/slide2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462EA8A-287E-E93E-33B7-90246FB207A6}"/>
              </a:ext>
            </a:extLst>
          </p:cNvPr>
          <p:cNvSpPr>
            <a:spLocks noGrp="1"/>
          </p:cNvSpPr>
          <p:nvPr>
            <p:ph type="title"/>
          </p:nvPr>
        </p:nvSpPr>
        <p:spPr/>
        <p:txBody>
          <a:bodyPr/>
          <a:lstStyle/>
          <a:p txid="84cde8e2c76c45257c8130a78c169d4e">
            <a:r>
              <a:rPr lang="es-ES"/>
              <a:t>Exemple de configuration du rôle d'utilisateur et des paramètres de partage</a:t>
            </a:r>
            <a:endParaRPr lang="en-NO"/>
          </a:p>
        </p:txBody>
      </p:sp>
      <p:sp>
        <p:nvSpPr>
          <p:cNvPr id="3" name="TextBox 2">
            <a:extLst>
              <a:ext uri="{FF2B5EF4-FFF2-40B4-BE49-F238E27FC236}">
                <a16:creationId xmlns:a16="http://schemas.microsoft.com/office/drawing/2014/main" id="{8BF8A717-9579-99D3-0F19-74C14535A00E}"/>
              </a:ext>
            </a:extLst>
          </p:cNvPr>
          <p:cNvSpPr txBox="1"/>
          <p:nvPr/>
        </p:nvSpPr>
        <p:spPr>
          <a:xfrm>
            <a:off x="914400" y="1766455"/>
            <a:ext cx="3741029" cy="461665"/>
          </a:xfrm>
          <a:prstGeom prst="rect">
            <a:avLst/>
          </a:prstGeom>
          <a:noFill/>
        </p:spPr>
        <p:txBody>
          <a:bodyPr rtlCol="0" wrap="square">
            <a:spAutoFit/>
          </a:bodyPr>
          <a:lstStyle/>
          <a:p txid="8635b7af03b704542d1ade8fb45d8d3a">
            <a:pPr algn="l" indent="-342900" marL="342900">
              <a:buClr>
                <a:srgbClr val="008CCF"/>
              </a:buClr>
              <a:buFont charset="-79" pitchFamily="2" typeface="Rubik"/>
              <a:buChar char="•"/>
            </a:pPr>
            <a:r>
              <a:rPr lang="es-ES" sz="2400"/>
              <a:t>Pour modifier un élément de données</a:t>
            </a:r>
            <a:r>
              <a:rPr lang="es-ES" sz="2400">
                <a:latin typeface="+mj-lt"/>
              </a:rPr>
            </a:r>
            <a:r>
              <a:rPr lang="es-ES" sz="2400"/>
            </a:r>
          </a:p>
        </p:txBody>
      </p:sp>
      <p:pic>
        <p:nvPicPr>
          <p:cNvPr id="7" name="Graphic 6">
            <a:extLst>
              <a:ext uri="{FF2B5EF4-FFF2-40B4-BE49-F238E27FC236}">
                <a16:creationId xmlns:a16="http://schemas.microsoft.com/office/drawing/2014/main" id="{29F1A600-5A15-D2D6-BBF4-11DF120C2128}"/>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913606" y="2511136"/>
            <a:ext cx="1742616" cy="1679863"/>
          </a:xfrm>
          <a:prstGeom prst="rect">
            <a:avLst/>
          </a:prstGeom>
        </p:spPr>
      </p:pic>
      <p:grpSp>
        <p:nvGrpSpPr>
          <p:cNvPr id="9" name="Group 8">
            <a:extLst>
              <a:ext uri="{FF2B5EF4-FFF2-40B4-BE49-F238E27FC236}">
                <a16:creationId xmlns:a16="http://schemas.microsoft.com/office/drawing/2014/main" id="{7B5D4FBC-14A4-11AF-E7EB-D29BDD351BA9}"/>
              </a:ext>
            </a:extLst>
          </p:cNvPr>
          <p:cNvGrpSpPr/>
          <p:nvPr/>
        </p:nvGrpSpPr>
        <p:grpSpPr>
          <a:xfrm>
            <a:off x="4778088" y="1645916"/>
            <a:ext cx="2631607" cy="2869364"/>
            <a:chOff x="5346124" y="1645916"/>
            <a:chExt cx="2631607" cy="2869364"/>
          </a:xfrm>
        </p:grpSpPr>
        <p:grpSp>
          <p:nvGrpSpPr>
            <p:cNvPr id="25" name="!!sharing">
              <a:extLst>
                <a:ext uri="{FF2B5EF4-FFF2-40B4-BE49-F238E27FC236}">
                  <a16:creationId xmlns:a16="http://schemas.microsoft.com/office/drawing/2014/main" id="{A3194A43-0569-C51A-4237-5F7A7A7D64D2}"/>
                </a:ext>
              </a:extLst>
            </p:cNvPr>
            <p:cNvGrpSpPr/>
            <p:nvPr/>
          </p:nvGrpSpPr>
          <p:grpSpPr>
            <a:xfrm>
              <a:off x="5730456" y="2511136"/>
              <a:ext cx="1862941" cy="2004144"/>
              <a:chOff x="1333500" y="1969731"/>
              <a:chExt cx="1862941" cy="2004144"/>
            </a:xfrm>
          </p:grpSpPr>
          <p:sp>
            <p:nvSpPr>
              <p:cNvPr id="26" name="Freeform 22">
                <a:extLst>
                  <a:ext uri="{FF2B5EF4-FFF2-40B4-BE49-F238E27FC236}">
                    <a16:creationId xmlns:a16="http://schemas.microsoft.com/office/drawing/2014/main" id="{94C7DCD4-7E32-7423-7923-FFA57B59D71D}"/>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27" name="Group 26">
                <a:extLst>
                  <a:ext uri="{FF2B5EF4-FFF2-40B4-BE49-F238E27FC236}">
                    <a16:creationId xmlns:a16="http://schemas.microsoft.com/office/drawing/2014/main" id="{DEDB14EA-A6FF-30F6-3C80-F7A8996D8100}"/>
                  </a:ext>
                </a:extLst>
              </p:cNvPr>
              <p:cNvGrpSpPr/>
              <p:nvPr/>
            </p:nvGrpSpPr>
            <p:grpSpPr>
              <a:xfrm>
                <a:off x="1746057" y="1969731"/>
                <a:ext cx="923284" cy="861233"/>
                <a:chOff x="2866244" y="2493706"/>
                <a:chExt cx="1072382" cy="1000311"/>
              </a:xfrm>
            </p:grpSpPr>
            <p:sp>
              <p:nvSpPr>
                <p:cNvPr id="35" name="Freeform 23">
                  <a:extLst>
                    <a:ext uri="{FF2B5EF4-FFF2-40B4-BE49-F238E27FC236}">
                      <a16:creationId xmlns:a16="http://schemas.microsoft.com/office/drawing/2014/main" id="{C1241FC2-52AD-A949-5890-2D1FDB82F9E1}"/>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6" name="Freeform 24">
                  <a:extLst>
                    <a:ext uri="{FF2B5EF4-FFF2-40B4-BE49-F238E27FC236}">
                      <a16:creationId xmlns:a16="http://schemas.microsoft.com/office/drawing/2014/main" id="{A45982B5-8B60-CAAD-03FD-79A14240064E}"/>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28" name="Group 27">
                <a:extLst>
                  <a:ext uri="{FF2B5EF4-FFF2-40B4-BE49-F238E27FC236}">
                    <a16:creationId xmlns:a16="http://schemas.microsoft.com/office/drawing/2014/main" id="{5A03E55E-25A7-FC80-AE98-04CCB826C630}"/>
                  </a:ext>
                </a:extLst>
              </p:cNvPr>
              <p:cNvGrpSpPr/>
              <p:nvPr/>
            </p:nvGrpSpPr>
            <p:grpSpPr>
              <a:xfrm>
                <a:off x="1784364" y="3136309"/>
                <a:ext cx="846670" cy="837566"/>
                <a:chOff x="3040063" y="3848672"/>
                <a:chExt cx="983396" cy="972822"/>
              </a:xfrm>
            </p:grpSpPr>
            <p:sp>
              <p:nvSpPr>
                <p:cNvPr id="33" name="Freeform 28">
                  <a:extLst>
                    <a:ext uri="{FF2B5EF4-FFF2-40B4-BE49-F238E27FC236}">
                      <a16:creationId xmlns:a16="http://schemas.microsoft.com/office/drawing/2014/main" id="{59370B02-44DE-AFFF-9291-6F32FE7273B3}"/>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4" name="Freeform 29">
                  <a:extLst>
                    <a:ext uri="{FF2B5EF4-FFF2-40B4-BE49-F238E27FC236}">
                      <a16:creationId xmlns:a16="http://schemas.microsoft.com/office/drawing/2014/main" id="{59170982-F297-DB50-8DB9-D2F11FC2B400}"/>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29" name="Freeform: Shape 28">
                <a:extLst>
                  <a:ext uri="{FF2B5EF4-FFF2-40B4-BE49-F238E27FC236}">
                    <a16:creationId xmlns:a16="http://schemas.microsoft.com/office/drawing/2014/main" id="{183913F5-EAD5-9AF8-6904-2CEFE02E7F3B}"/>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30" name="Graphic 24">
                <a:extLst>
                  <a:ext uri="{FF2B5EF4-FFF2-40B4-BE49-F238E27FC236}">
                    <a16:creationId xmlns:a16="http://schemas.microsoft.com/office/drawing/2014/main" id="{FD7C6DAF-1A51-5315-84A7-D22CDE960C36}"/>
                  </a:ext>
                </a:extLst>
              </p:cNvPr>
              <p:cNvGrpSpPr/>
              <p:nvPr/>
            </p:nvGrpSpPr>
            <p:grpSpPr>
              <a:xfrm>
                <a:off x="2323290" y="2517060"/>
                <a:ext cx="873151" cy="873151"/>
                <a:chOff x="2323290" y="2517060"/>
                <a:chExt cx="873151" cy="873151"/>
              </a:xfrm>
            </p:grpSpPr>
            <p:sp>
              <p:nvSpPr>
                <p:cNvPr id="31" name="Freeform: Shape 30">
                  <a:extLst>
                    <a:ext uri="{FF2B5EF4-FFF2-40B4-BE49-F238E27FC236}">
                      <a16:creationId xmlns:a16="http://schemas.microsoft.com/office/drawing/2014/main" id="{8FB6C1C2-38B3-7F74-11D9-A96C88892473}"/>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465F9602-885D-3AB1-F74F-1231A093F1CF}"/>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
          <p:nvSpPr>
            <p:cNvPr id="47" name="!!sharingbox">
              <a:extLst>
                <a:ext uri="{FF2B5EF4-FFF2-40B4-BE49-F238E27FC236}">
                  <a16:creationId xmlns:a16="http://schemas.microsoft.com/office/drawing/2014/main" id="{09699EF7-59E1-5291-208C-AE69766A1FFB}"/>
                </a:ext>
              </a:extLst>
            </p:cNvPr>
            <p:cNvSpPr/>
            <p:nvPr/>
          </p:nvSpPr>
          <p:spPr>
            <a:xfrm>
              <a:off x="5346124"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grpSp>
      <p:grpSp>
        <p:nvGrpSpPr>
          <p:cNvPr id="8" name="Group 7">
            <a:extLst>
              <a:ext uri="{FF2B5EF4-FFF2-40B4-BE49-F238E27FC236}">
                <a16:creationId xmlns:a16="http://schemas.microsoft.com/office/drawing/2014/main" id="{82CE2F24-FDE2-D407-184E-E25E3E363DEF}"/>
              </a:ext>
            </a:extLst>
          </p:cNvPr>
          <p:cNvGrpSpPr/>
          <p:nvPr/>
        </p:nvGrpSpPr>
        <p:grpSpPr>
          <a:xfrm>
            <a:off x="8152172" y="1645916"/>
            <a:ext cx="2631607" cy="2649537"/>
            <a:chOff x="8720208" y="1645916"/>
            <a:chExt cx="2631607" cy="2649537"/>
          </a:xfrm>
        </p:grpSpPr>
        <p:grpSp>
          <p:nvGrpSpPr>
            <p:cNvPr id="37" name="Group 36">
              <a:extLst>
                <a:ext uri="{FF2B5EF4-FFF2-40B4-BE49-F238E27FC236}">
                  <a16:creationId xmlns:a16="http://schemas.microsoft.com/office/drawing/2014/main" id="{6E1045E7-30A1-CAD5-5E0F-B6D679FBB9CA}"/>
                </a:ext>
              </a:extLst>
            </p:cNvPr>
            <p:cNvGrpSpPr/>
            <p:nvPr/>
          </p:nvGrpSpPr>
          <p:grpSpPr>
            <a:xfrm>
              <a:off x="8954820" y="2631676"/>
              <a:ext cx="2170117" cy="1663777"/>
              <a:chOff x="5042099" y="2205086"/>
              <a:chExt cx="2170117" cy="1663777"/>
            </a:xfrm>
          </p:grpSpPr>
          <p:grpSp>
            <p:nvGrpSpPr>
              <p:cNvPr id="38" name="Group 37">
                <a:extLst>
                  <a:ext uri="{FF2B5EF4-FFF2-40B4-BE49-F238E27FC236}">
                    <a16:creationId xmlns:a16="http://schemas.microsoft.com/office/drawing/2014/main" id="{0281F005-FDF7-6C40-5F3E-FBF11BADEE95}"/>
                  </a:ext>
                </a:extLst>
              </p:cNvPr>
              <p:cNvGrpSpPr/>
              <p:nvPr/>
            </p:nvGrpSpPr>
            <p:grpSpPr>
              <a:xfrm>
                <a:off x="5042099" y="2205086"/>
                <a:ext cx="1663776" cy="1663777"/>
                <a:chOff x="4939393" y="2097225"/>
                <a:chExt cx="1584048" cy="1584049"/>
              </a:xfrm>
            </p:grpSpPr>
            <p:sp>
              <p:nvSpPr>
                <p:cNvPr id="43" name="Freeform: Shape 42">
                  <a:extLst>
                    <a:ext uri="{FF2B5EF4-FFF2-40B4-BE49-F238E27FC236}">
                      <a16:creationId xmlns:a16="http://schemas.microsoft.com/office/drawing/2014/main" id="{42C4665A-13DD-DD94-65D3-C3E24FFE9615}"/>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44" name="Group 43">
                  <a:extLst>
                    <a:ext uri="{FF2B5EF4-FFF2-40B4-BE49-F238E27FC236}">
                      <a16:creationId xmlns:a16="http://schemas.microsoft.com/office/drawing/2014/main" id="{9E85D0C5-7BB3-2E99-BA9F-FCB231907A3E}"/>
                    </a:ext>
                  </a:extLst>
                </p:cNvPr>
                <p:cNvGrpSpPr/>
                <p:nvPr/>
              </p:nvGrpSpPr>
              <p:grpSpPr>
                <a:xfrm>
                  <a:off x="5192227" y="2369148"/>
                  <a:ext cx="1078380" cy="1040202"/>
                  <a:chOff x="3448859" y="1386457"/>
                  <a:chExt cx="1078380" cy="1040202"/>
                </a:xfrm>
              </p:grpSpPr>
              <p:sp>
                <p:nvSpPr>
                  <p:cNvPr id="45" name="Freeform: Shape 44">
                    <a:extLst>
                      <a:ext uri="{FF2B5EF4-FFF2-40B4-BE49-F238E27FC236}">
                        <a16:creationId xmlns:a16="http://schemas.microsoft.com/office/drawing/2014/main" id="{D2315B64-7421-A8D9-738F-9D9DA52D3F25}"/>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46" name="Freeform: Shape 45">
                    <a:extLst>
                      <a:ext uri="{FF2B5EF4-FFF2-40B4-BE49-F238E27FC236}">
                        <a16:creationId xmlns:a16="http://schemas.microsoft.com/office/drawing/2014/main" id="{F39423C8-028E-CD0E-4BAD-8C6E0CD016C8}"/>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39" name="Freeform: Shape 38">
                <a:extLst>
                  <a:ext uri="{FF2B5EF4-FFF2-40B4-BE49-F238E27FC236}">
                    <a16:creationId xmlns:a16="http://schemas.microsoft.com/office/drawing/2014/main" id="{BD2F7005-0AD1-0D96-938C-4DEB922F92D3}"/>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40" name="Graphic 30">
                <a:extLst>
                  <a:ext uri="{FF2B5EF4-FFF2-40B4-BE49-F238E27FC236}">
                    <a16:creationId xmlns:a16="http://schemas.microsoft.com/office/drawing/2014/main" id="{CBAEC103-E41F-0F48-DD9C-C4811460AC89}"/>
                  </a:ext>
                </a:extLst>
              </p:cNvPr>
              <p:cNvGrpSpPr/>
              <p:nvPr/>
            </p:nvGrpSpPr>
            <p:grpSpPr>
              <a:xfrm>
                <a:off x="6382743" y="2556395"/>
                <a:ext cx="829473" cy="829474"/>
                <a:chOff x="5945741" y="2242429"/>
                <a:chExt cx="1307468" cy="1307469"/>
              </a:xfrm>
            </p:grpSpPr>
            <p:sp>
              <p:nvSpPr>
                <p:cNvPr id="41" name="Freeform: Shape 40">
                  <a:extLst>
                    <a:ext uri="{FF2B5EF4-FFF2-40B4-BE49-F238E27FC236}">
                      <a16:creationId xmlns:a16="http://schemas.microsoft.com/office/drawing/2014/main" id="{943F4EA0-2571-0695-3878-BA1B85741423}"/>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42" name="Freeform: Shape 41">
                  <a:extLst>
                    <a:ext uri="{FF2B5EF4-FFF2-40B4-BE49-F238E27FC236}">
                      <a16:creationId xmlns:a16="http://schemas.microsoft.com/office/drawing/2014/main" id="{CBFE5C73-1452-F63E-143B-086C6763B806}"/>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48" name="userbox">
              <a:extLst>
                <a:ext uri="{FF2B5EF4-FFF2-40B4-BE49-F238E27FC236}">
                  <a16:creationId xmlns:a16="http://schemas.microsoft.com/office/drawing/2014/main" id="{EF936A0B-4D12-DA87-BE8B-6CC9CCBD7102}"/>
                </a:ext>
              </a:extLst>
            </p:cNvPr>
            <p:cNvSpPr/>
            <p:nvPr/>
          </p:nvSpPr>
          <p:spPr>
            <a:xfrm>
              <a:off x="8720208"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grpSp>
      <p:sp>
        <p:nvSpPr>
          <p:cNvPr id="49" name="TextBox 48">
            <a:extLst>
              <a:ext uri="{FF2B5EF4-FFF2-40B4-BE49-F238E27FC236}">
                <a16:creationId xmlns:a16="http://schemas.microsoft.com/office/drawing/2014/main" id="{E0F0BE45-C32D-5CAA-34C1-C8068E0C283B}"/>
              </a:ext>
            </a:extLst>
          </p:cNvPr>
          <p:cNvSpPr txBox="1"/>
          <p:nvPr/>
        </p:nvSpPr>
        <p:spPr>
          <a:xfrm>
            <a:off x="4613867" y="5529737"/>
            <a:ext cx="3037609" cy="461665"/>
          </a:xfrm>
          <a:prstGeom prst="rect">
            <a:avLst/>
          </a:prstGeom>
          <a:noFill/>
        </p:spPr>
        <p:txBody>
          <a:bodyPr rtlCol="0" wrap="square">
            <a:spAutoFit/>
          </a:bodyPr>
          <a:lstStyle/>
          <a:p txid="e02a41ffd4eb1922eda1ed8ea2acef59">
            <a:pPr algn="ctr">
              <a:buClr>
                <a:srgbClr val="008CCF"/>
              </a:buClr>
            </a:pPr>
            <a:r>
              <a:rPr lang="es-ES" sz="2400"/>
              <a:t>"Peut modifier et visualiser"</a:t>
            </a:r>
          </a:p>
        </p:txBody>
      </p:sp>
      <p:sp>
        <p:nvSpPr>
          <p:cNvPr id="50" name="!!sharingbox">
            <a:extLst>
              <a:ext uri="{FF2B5EF4-FFF2-40B4-BE49-F238E27FC236}">
                <a16:creationId xmlns:a16="http://schemas.microsoft.com/office/drawing/2014/main" id="{D8ABBE34-37BF-17BB-C2EB-25B9FC6D3BB7}"/>
              </a:ext>
            </a:extLst>
          </p:cNvPr>
          <p:cNvSpPr/>
          <p:nvPr/>
        </p:nvSpPr>
        <p:spPr>
          <a:xfrm>
            <a:off x="4816868" y="481105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ef9fb0ac3aac959eb3053572a5390a70">
            <a:pPr algn="ctr"/>
            <a:r>
              <a:rPr lang="es-ES" sz="2400"/>
              <a:t>Métadonnées</a:t>
            </a:r>
            <a:endParaRPr dirty="0" lang="en-NO" sz="2400"/>
          </a:p>
        </p:txBody>
      </p:sp>
      <p:sp>
        <p:nvSpPr>
          <p:cNvPr id="51" name="!!sharingbox">
            <a:extLst>
              <a:ext uri="{FF2B5EF4-FFF2-40B4-BE49-F238E27FC236}">
                <a16:creationId xmlns:a16="http://schemas.microsoft.com/office/drawing/2014/main" id="{35B266DD-F6A0-8E3E-0698-4976FF8B75E1}"/>
              </a:ext>
            </a:extLst>
          </p:cNvPr>
          <p:cNvSpPr/>
          <p:nvPr/>
        </p:nvSpPr>
        <p:spPr>
          <a:xfrm>
            <a:off x="7946076" y="481105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p txid="13a5b01f875ed99a0c0ddff49f5d718a">
            <a:pPr algn="ctr"/>
            <a:r>
              <a:rPr lang="es-ES" sz="2400"/>
              <a:t>Application Maintenance</a:t>
            </a:r>
            <a:endParaRPr dirty="0" lang="en-NO" sz="2400"/>
          </a:p>
        </p:txBody>
      </p:sp>
      <p:sp>
        <p:nvSpPr>
          <p:cNvPr id="4" name="TextBox 3">
            <a:extLst>
              <a:ext uri="{FF2B5EF4-FFF2-40B4-BE49-F238E27FC236}">
                <a16:creationId xmlns:a16="http://schemas.microsoft.com/office/drawing/2014/main" id="{86AD470B-DB77-ECCE-DF0A-5D5E6573B18D}"/>
              </a:ext>
            </a:extLst>
          </p:cNvPr>
          <p:cNvSpPr txBox="1"/>
          <p:nvPr/>
        </p:nvSpPr>
        <p:spPr>
          <a:xfrm>
            <a:off x="4034884" y="3383315"/>
            <a:ext cx="764117" cy="526619"/>
          </a:xfrm>
          <a:prstGeom prst="rect">
            <a:avLst/>
          </a:prstGeom>
          <a:noFill/>
        </p:spPr>
        <p:txBody>
          <a:bodyPr rtlCol="0" wrap="square">
            <a:spAutoFit/>
          </a:bodyPr>
          <a:lstStyle/>
          <a:p txid="914ff1aa416ea635f18fa1531d1176a0">
            <a:pPr algn="ctr">
              <a:lnSpc>
                <a:spcPts val="3300"/>
              </a:lnSpc>
              <a:buClr>
                <a:srgbClr val="008CCF"/>
              </a:buClr>
            </a:pPr>
            <a:r>
              <a:rPr lang="es-ES" sz="3600">
                <a:solidFill>
                  <a:schemeClr val="tx2"/>
                </a:solidFill>
                <a:latin typeface="+mj-lt"/>
              </a:rPr>
              <a:t>=</a:t>
            </a:r>
          </a:p>
        </p:txBody>
      </p:sp>
      <p:sp>
        <p:nvSpPr>
          <p:cNvPr id="52" name="TextBox 51">
            <a:extLst>
              <a:ext uri="{FF2B5EF4-FFF2-40B4-BE49-F238E27FC236}">
                <a16:creationId xmlns:a16="http://schemas.microsoft.com/office/drawing/2014/main" id="{15A1DEB4-1114-49A1-9AC3-37579007DE93}"/>
              </a:ext>
            </a:extLst>
          </p:cNvPr>
          <p:cNvSpPr txBox="1"/>
          <p:nvPr/>
        </p:nvSpPr>
        <p:spPr>
          <a:xfrm>
            <a:off x="7338521" y="3383315"/>
            <a:ext cx="764117" cy="526619"/>
          </a:xfrm>
          <a:prstGeom prst="rect">
            <a:avLst/>
          </a:prstGeom>
          <a:noFill/>
        </p:spPr>
        <p:txBody>
          <a:bodyPr rtlCol="0" wrap="square">
            <a:spAutoFit/>
          </a:bodyPr>
          <a:lstStyle/>
          <a:p txid="ff067a1376f602a3aa116b876f0072fe">
            <a:pPr algn="ctr">
              <a:lnSpc>
                <a:spcPts val="3300"/>
              </a:lnSpc>
              <a:buClr>
                <a:srgbClr val="008CCF"/>
              </a:buClr>
            </a:pPr>
            <a:r>
              <a:rPr lang="es-ES" sz="3600">
                <a:solidFill>
                  <a:schemeClr val="tx2"/>
                </a:solidFill>
                <a:latin typeface="+mj-lt"/>
              </a:rPr>
              <a:t>+</a:t>
            </a:r>
          </a:p>
        </p:txBody>
      </p:sp>
    </p:spTree>
    <p:custDataLst>
      <p:tags r:id="rId1"/>
    </p:custDataLst>
    <p:extLst>
      <p:ext uri="{BB962C8B-B14F-4D97-AF65-F5344CB8AC3E}">
        <p14:creationId xmlns:p14="http://schemas.microsoft.com/office/powerpoint/2010/main" val="2016977143"/>
      </p:ext>
    </p:extLst>
  </p:cSld>
  <p:clrMapOvr>
    <a:masterClrMapping/>
  </p:clrMapOvr>
  <mc:AlternateContent xmlns:mc="http://schemas.openxmlformats.org/markup-compatibility/2006" xmlns:p14="http://schemas.microsoft.com/office/powerpoint/2010/main">
    <mc:Choice Requires="p14">
      <p:transition advTm="17132" p14:dur="2000" spd="slow"/>
    </mc:Choice>
    <mc:Fallback xmlns="">
      <p:transition advTm="171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
                                        </p:tgtEl>
                                        <p:attrNameLst>
                                          <p:attrName>style.visibility</p:attrName>
                                        </p:attrNameLst>
                                      </p:cBhvr>
                                      <p:to>
                                        <p:strVal val="visible"/>
                                      </p:to>
                                    </p:set>
                                    <p:animEffect filter="fade" transition="in">
                                      <p:cBhvr>
                                        <p:cTn dur="500" id="7"/>
                                        <p:tgtEl>
                                          <p:spTgt spid="3"/>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10" presetSubtype="0">
                                  <p:stCondLst>
                                    <p:cond delay="0"/>
                                  </p:stCondLst>
                                  <p:childTnLst>
                                    <p:set>
                                      <p:cBhvr>
                                        <p:cTn dur="1" fill="hold" id="11">
                                          <p:stCondLst>
                                            <p:cond delay="0"/>
                                          </p:stCondLst>
                                        </p:cTn>
                                        <p:tgtEl>
                                          <p:spTgt spid="7"/>
                                        </p:tgtEl>
                                        <p:attrNameLst>
                                          <p:attrName>style.visibility</p:attrName>
                                        </p:attrNameLst>
                                      </p:cBhvr>
                                      <p:to>
                                        <p:strVal val="visible"/>
                                      </p:to>
                                    </p:set>
                                    <p:animEffect filter="fade" transition="in">
                                      <p:cBhvr>
                                        <p:cTn dur="500" id="12"/>
                                        <p:tgtEl>
                                          <p:spTgt spid="7"/>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22" presetSubtype="8">
                                  <p:stCondLst>
                                    <p:cond delay="0"/>
                                  </p:stCondLst>
                                  <p:childTnLst>
                                    <p:set>
                                      <p:cBhvr>
                                        <p:cTn dur="1" fill="hold" id="16">
                                          <p:stCondLst>
                                            <p:cond delay="0"/>
                                          </p:stCondLst>
                                        </p:cTn>
                                        <p:tgtEl>
                                          <p:spTgt spid="4"/>
                                        </p:tgtEl>
                                        <p:attrNameLst>
                                          <p:attrName>style.visibility</p:attrName>
                                        </p:attrNameLst>
                                      </p:cBhvr>
                                      <p:to>
                                        <p:strVal val="visible"/>
                                      </p:to>
                                    </p:set>
                                    <p:animEffect filter="wipe(left)" transition="in">
                                      <p:cBhvr>
                                        <p:cTn dur="500" id="17"/>
                                        <p:tgtEl>
                                          <p:spTgt spid="4"/>
                                        </p:tgtEl>
                                      </p:cBhvr>
                                    </p:animEffect>
                                  </p:childTnLst>
                                </p:cTn>
                              </p:par>
                            </p:childTnLst>
                          </p:cTn>
                        </p:par>
                      </p:childTnLst>
                    </p:cTn>
                  </p:par>
                  <p:par>
                    <p:cTn fill="hold" id="18">
                      <p:stCondLst>
                        <p:cond delay="indefinite"/>
                      </p:stCondLst>
                      <p:childTnLst>
                        <p:par>
                          <p:cTn fill="hold" id="19">
                            <p:stCondLst>
                              <p:cond delay="0"/>
                            </p:stCondLst>
                            <p:childTnLst>
                              <p:par>
                                <p:cTn fill="hold" id="20" nodeType="clickEffect" presetClass="entr" presetID="10" presetSubtype="0">
                                  <p:stCondLst>
                                    <p:cond delay="0"/>
                                  </p:stCondLst>
                                  <p:childTnLst>
                                    <p:set>
                                      <p:cBhvr>
                                        <p:cTn dur="1" fill="hold" id="21">
                                          <p:stCondLst>
                                            <p:cond delay="0"/>
                                          </p:stCondLst>
                                        </p:cTn>
                                        <p:tgtEl>
                                          <p:spTgt spid="9"/>
                                        </p:tgtEl>
                                        <p:attrNameLst>
                                          <p:attrName>style.visibility</p:attrName>
                                        </p:attrNameLst>
                                      </p:cBhvr>
                                      <p:to>
                                        <p:strVal val="visible"/>
                                      </p:to>
                                    </p:set>
                                    <p:animEffect filter="fade" transition="in">
                                      <p:cBhvr>
                                        <p:cTn dur="500" id="22"/>
                                        <p:tgtEl>
                                          <p:spTgt spid="9"/>
                                        </p:tgtEl>
                                      </p:cBhvr>
                                    </p:animEffect>
                                  </p:childTnLst>
                                </p:cTn>
                              </p:par>
                              <p:par>
                                <p:cTn fill="hold" grpId="0" id="23" nodeType="withEffect" presetClass="entr" presetID="10" presetSubtype="0">
                                  <p:stCondLst>
                                    <p:cond delay="0"/>
                                  </p:stCondLst>
                                  <p:childTnLst>
                                    <p:set>
                                      <p:cBhvr>
                                        <p:cTn dur="1" fill="hold" id="24">
                                          <p:stCondLst>
                                            <p:cond delay="0"/>
                                          </p:stCondLst>
                                        </p:cTn>
                                        <p:tgtEl>
                                          <p:spTgt spid="50"/>
                                        </p:tgtEl>
                                        <p:attrNameLst>
                                          <p:attrName>style.visibility</p:attrName>
                                        </p:attrNameLst>
                                      </p:cBhvr>
                                      <p:to>
                                        <p:strVal val="visible"/>
                                      </p:to>
                                    </p:set>
                                    <p:animEffect filter="fade" transition="in">
                                      <p:cBhvr>
                                        <p:cTn dur="500" id="25"/>
                                        <p:tgtEl>
                                          <p:spTgt spid="50"/>
                                        </p:tgtEl>
                                      </p:cBhvr>
                                    </p:animEffect>
                                  </p:childTnLst>
                                </p:cTn>
                              </p:par>
                            </p:childTnLst>
                          </p:cTn>
                        </p:par>
                      </p:childTnLst>
                    </p:cTn>
                  </p:par>
                  <p:par>
                    <p:cTn fill="hold" id="26">
                      <p:stCondLst>
                        <p:cond delay="indefinite"/>
                      </p:stCondLst>
                      <p:childTnLst>
                        <p:par>
                          <p:cTn fill="hold" id="27">
                            <p:stCondLst>
                              <p:cond delay="0"/>
                            </p:stCondLst>
                            <p:childTnLst>
                              <p:par>
                                <p:cTn fill="hold" grpId="0" id="28" nodeType="clickEffect" presetClass="entr" presetID="10" presetSubtype="0">
                                  <p:stCondLst>
                                    <p:cond delay="0"/>
                                  </p:stCondLst>
                                  <p:childTnLst>
                                    <p:set>
                                      <p:cBhvr>
                                        <p:cTn dur="1" fill="hold" id="29">
                                          <p:stCondLst>
                                            <p:cond delay="0"/>
                                          </p:stCondLst>
                                        </p:cTn>
                                        <p:tgtEl>
                                          <p:spTgt spid="49"/>
                                        </p:tgtEl>
                                        <p:attrNameLst>
                                          <p:attrName>style.visibility</p:attrName>
                                        </p:attrNameLst>
                                      </p:cBhvr>
                                      <p:to>
                                        <p:strVal val="visible"/>
                                      </p:to>
                                    </p:set>
                                    <p:animEffect filter="fade" transition="in">
                                      <p:cBhvr>
                                        <p:cTn dur="500" id="30"/>
                                        <p:tgtEl>
                                          <p:spTgt spid="49"/>
                                        </p:tgtEl>
                                      </p:cBhvr>
                                    </p:animEffect>
                                  </p:childTnLst>
                                </p:cTn>
                              </p:par>
                            </p:childTnLst>
                          </p:cTn>
                        </p:par>
                      </p:childTnLst>
                    </p:cTn>
                  </p:par>
                  <p:par>
                    <p:cTn fill="hold" id="31">
                      <p:stCondLst>
                        <p:cond delay="indefinite"/>
                      </p:stCondLst>
                      <p:childTnLst>
                        <p:par>
                          <p:cTn fill="hold" id="32">
                            <p:stCondLst>
                              <p:cond delay="0"/>
                            </p:stCondLst>
                            <p:childTnLst>
                              <p:par>
                                <p:cTn fill="hold" grpId="0" id="33" nodeType="clickEffect" presetClass="entr" presetID="22" presetSubtype="8">
                                  <p:stCondLst>
                                    <p:cond delay="0"/>
                                  </p:stCondLst>
                                  <p:childTnLst>
                                    <p:set>
                                      <p:cBhvr>
                                        <p:cTn dur="1" fill="hold" id="34">
                                          <p:stCondLst>
                                            <p:cond delay="0"/>
                                          </p:stCondLst>
                                        </p:cTn>
                                        <p:tgtEl>
                                          <p:spTgt spid="52"/>
                                        </p:tgtEl>
                                        <p:attrNameLst>
                                          <p:attrName>style.visibility</p:attrName>
                                        </p:attrNameLst>
                                      </p:cBhvr>
                                      <p:to>
                                        <p:strVal val="visible"/>
                                      </p:to>
                                    </p:set>
                                    <p:animEffect filter="wipe(left)" transition="in">
                                      <p:cBhvr>
                                        <p:cTn dur="500" id="35"/>
                                        <p:tgtEl>
                                          <p:spTgt spid="52"/>
                                        </p:tgtEl>
                                      </p:cBhvr>
                                    </p:animEffect>
                                  </p:childTnLst>
                                </p:cTn>
                              </p:par>
                            </p:childTnLst>
                          </p:cTn>
                        </p:par>
                      </p:childTnLst>
                    </p:cTn>
                  </p:par>
                  <p:par>
                    <p:cTn fill="hold" id="36">
                      <p:stCondLst>
                        <p:cond delay="indefinite"/>
                      </p:stCondLst>
                      <p:childTnLst>
                        <p:par>
                          <p:cTn fill="hold" id="37">
                            <p:stCondLst>
                              <p:cond delay="0"/>
                            </p:stCondLst>
                            <p:childTnLst>
                              <p:par>
                                <p:cTn fill="hold" id="38" nodeType="clickEffect" presetClass="entr" presetID="10" presetSubtype="0">
                                  <p:stCondLst>
                                    <p:cond delay="0"/>
                                  </p:stCondLst>
                                  <p:childTnLst>
                                    <p:set>
                                      <p:cBhvr>
                                        <p:cTn dur="1" fill="hold" id="39">
                                          <p:stCondLst>
                                            <p:cond delay="0"/>
                                          </p:stCondLst>
                                        </p:cTn>
                                        <p:tgtEl>
                                          <p:spTgt spid="8"/>
                                        </p:tgtEl>
                                        <p:attrNameLst>
                                          <p:attrName>style.visibility</p:attrName>
                                        </p:attrNameLst>
                                      </p:cBhvr>
                                      <p:to>
                                        <p:strVal val="visible"/>
                                      </p:to>
                                    </p:set>
                                    <p:animEffect filter="fade" transition="in">
                                      <p:cBhvr>
                                        <p:cTn dur="500" id="40"/>
                                        <p:tgtEl>
                                          <p:spTgt spid="8"/>
                                        </p:tgtEl>
                                      </p:cBhvr>
                                    </p:animEffect>
                                  </p:childTnLst>
                                </p:cTn>
                              </p:par>
                            </p:childTnLst>
                          </p:cTn>
                        </p:par>
                      </p:childTnLst>
                    </p:cTn>
                  </p:par>
                  <p:par>
                    <p:cTn fill="hold" id="41">
                      <p:stCondLst>
                        <p:cond delay="indefinite"/>
                      </p:stCondLst>
                      <p:childTnLst>
                        <p:par>
                          <p:cTn fill="hold" id="42">
                            <p:stCondLst>
                              <p:cond delay="0"/>
                            </p:stCondLst>
                            <p:childTnLst>
                              <p:par>
                                <p:cTn fill="hold" grpId="0" id="43" nodeType="clickEffect" presetClass="entr" presetID="10" presetSubtype="0">
                                  <p:stCondLst>
                                    <p:cond delay="0"/>
                                  </p:stCondLst>
                                  <p:childTnLst>
                                    <p:set>
                                      <p:cBhvr>
                                        <p:cTn dur="1" fill="hold" id="44">
                                          <p:stCondLst>
                                            <p:cond delay="0"/>
                                          </p:stCondLst>
                                        </p:cTn>
                                        <p:tgtEl>
                                          <p:spTgt spid="51"/>
                                        </p:tgtEl>
                                        <p:attrNameLst>
                                          <p:attrName>style.visibility</p:attrName>
                                        </p:attrNameLst>
                                      </p:cBhvr>
                                      <p:to>
                                        <p:strVal val="visible"/>
                                      </p:to>
                                    </p:set>
                                    <p:animEffect filter="fade" transition="in">
                                      <p:cBhvr>
                                        <p:cTn dur="500" id="45"/>
                                        <p:tgtEl>
                                          <p:spTgt spid="5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
      <p:bldP grpId="0" spid="49"/>
      <p:bldP animBg="1" grpId="0" spid="50"/>
      <p:bldP animBg="1" grpId="0" spid="51"/>
      <p:bldP grpId="0" spid="4"/>
      <p:bldP grpId="0" spid="52"/>
    </p:bldLst>
  </p:timing>
</p:sld>
</file>

<file path=ppt/slides/slide2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9C1C77-03B8-15C5-7ED6-BBF75EB8AD01}"/>
              </a:ext>
            </a:extLst>
          </p:cNvPr>
          <p:cNvSpPr>
            <a:spLocks noGrp="1"/>
          </p:cNvSpPr>
          <p:nvPr>
            <p:ph type="title"/>
          </p:nvPr>
        </p:nvSpPr>
        <p:spPr/>
        <p:txBody>
          <a:bodyPr/>
          <a:lstStyle/>
          <a:p txid="1b6c27065749fc4cd11fc4c7055d7b12">
            <a:r>
              <a:rPr lang="es-ES"/>
              <a:t>Paramètres de partage dans les systèmes agrégés</a:t>
            </a:r>
            <a:endParaRPr lang="en-NO"/>
          </a:p>
        </p:txBody>
      </p:sp>
      <p:grpSp>
        <p:nvGrpSpPr>
          <p:cNvPr id="33" name="Group 32">
            <a:extLst>
              <a:ext uri="{FF2B5EF4-FFF2-40B4-BE49-F238E27FC236}">
                <a16:creationId xmlns:a16="http://schemas.microsoft.com/office/drawing/2014/main" id="{9DBAD92A-457B-5F40-D3C9-89DA9262D07E}"/>
              </a:ext>
            </a:extLst>
          </p:cNvPr>
          <p:cNvGrpSpPr/>
          <p:nvPr/>
        </p:nvGrpSpPr>
        <p:grpSpPr>
          <a:xfrm>
            <a:off x="4778088" y="1645916"/>
            <a:ext cx="2631607" cy="2869364"/>
            <a:chOff x="5346124" y="1645916"/>
            <a:chExt cx="2631607" cy="2869364"/>
          </a:xfrm>
        </p:grpSpPr>
        <p:grpSp>
          <p:nvGrpSpPr>
            <p:cNvPr id="35" name="!!sharing">
              <a:extLst>
                <a:ext uri="{FF2B5EF4-FFF2-40B4-BE49-F238E27FC236}">
                  <a16:creationId xmlns:a16="http://schemas.microsoft.com/office/drawing/2014/main" id="{73AFD1FF-0E17-D82B-7C9E-E25B0B7DB1AA}"/>
                </a:ext>
              </a:extLst>
            </p:cNvPr>
            <p:cNvGrpSpPr/>
            <p:nvPr/>
          </p:nvGrpSpPr>
          <p:grpSpPr>
            <a:xfrm>
              <a:off x="5730456" y="2511136"/>
              <a:ext cx="1862941" cy="2004144"/>
              <a:chOff x="1333500" y="1969731"/>
              <a:chExt cx="1862941" cy="2004144"/>
            </a:xfrm>
          </p:grpSpPr>
          <p:sp>
            <p:nvSpPr>
              <p:cNvPr id="37" name="Freeform 22">
                <a:extLst>
                  <a:ext uri="{FF2B5EF4-FFF2-40B4-BE49-F238E27FC236}">
                    <a16:creationId xmlns:a16="http://schemas.microsoft.com/office/drawing/2014/main" id="{01BD33F5-4A3A-013A-D79A-0A02507DA6FD}"/>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38" name="Group 37">
                <a:extLst>
                  <a:ext uri="{FF2B5EF4-FFF2-40B4-BE49-F238E27FC236}">
                    <a16:creationId xmlns:a16="http://schemas.microsoft.com/office/drawing/2014/main" id="{3A1CD489-F900-5FC3-98D9-629B43953C74}"/>
                  </a:ext>
                </a:extLst>
              </p:cNvPr>
              <p:cNvGrpSpPr/>
              <p:nvPr/>
            </p:nvGrpSpPr>
            <p:grpSpPr>
              <a:xfrm>
                <a:off x="1746057" y="1969731"/>
                <a:ext cx="923284" cy="861233"/>
                <a:chOff x="2866244" y="2493706"/>
                <a:chExt cx="1072382" cy="1000311"/>
              </a:xfrm>
            </p:grpSpPr>
            <p:sp>
              <p:nvSpPr>
                <p:cNvPr id="46" name="Freeform 23">
                  <a:extLst>
                    <a:ext uri="{FF2B5EF4-FFF2-40B4-BE49-F238E27FC236}">
                      <a16:creationId xmlns:a16="http://schemas.microsoft.com/office/drawing/2014/main" id="{EFFEEB3F-FADB-8F0F-E645-DB476F21BD53}"/>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47" name="Freeform 24">
                  <a:extLst>
                    <a:ext uri="{FF2B5EF4-FFF2-40B4-BE49-F238E27FC236}">
                      <a16:creationId xmlns:a16="http://schemas.microsoft.com/office/drawing/2014/main" id="{3C42FD4A-E80E-4DAC-4D63-CF4E77D5C9A5}"/>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39" name="Group 38">
                <a:extLst>
                  <a:ext uri="{FF2B5EF4-FFF2-40B4-BE49-F238E27FC236}">
                    <a16:creationId xmlns:a16="http://schemas.microsoft.com/office/drawing/2014/main" id="{ABDB68F0-D8D2-4FEC-DCE5-F05D83DE4DC8}"/>
                  </a:ext>
                </a:extLst>
              </p:cNvPr>
              <p:cNvGrpSpPr/>
              <p:nvPr/>
            </p:nvGrpSpPr>
            <p:grpSpPr>
              <a:xfrm>
                <a:off x="1784364" y="3136309"/>
                <a:ext cx="846670" cy="837566"/>
                <a:chOff x="3040063" y="3848672"/>
                <a:chExt cx="983396" cy="972822"/>
              </a:xfrm>
            </p:grpSpPr>
            <p:sp>
              <p:nvSpPr>
                <p:cNvPr id="44" name="Freeform 28">
                  <a:extLst>
                    <a:ext uri="{FF2B5EF4-FFF2-40B4-BE49-F238E27FC236}">
                      <a16:creationId xmlns:a16="http://schemas.microsoft.com/office/drawing/2014/main" id="{D332B641-FE24-1C73-4E2C-3B2EFDDC27FC}"/>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45" name="Freeform 29">
                  <a:extLst>
                    <a:ext uri="{FF2B5EF4-FFF2-40B4-BE49-F238E27FC236}">
                      <a16:creationId xmlns:a16="http://schemas.microsoft.com/office/drawing/2014/main" id="{D8BE85E0-06AF-EDBD-3D11-C23A69D1A323}"/>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40" name="Freeform: Shape 39">
                <a:extLst>
                  <a:ext uri="{FF2B5EF4-FFF2-40B4-BE49-F238E27FC236}">
                    <a16:creationId xmlns:a16="http://schemas.microsoft.com/office/drawing/2014/main" id="{33E5ED1F-AA48-AF80-13A4-BE7EA60097F3}"/>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41" name="Graphic 24">
                <a:extLst>
                  <a:ext uri="{FF2B5EF4-FFF2-40B4-BE49-F238E27FC236}">
                    <a16:creationId xmlns:a16="http://schemas.microsoft.com/office/drawing/2014/main" id="{7D628CC2-9989-2C24-BEF9-C0D246788FDF}"/>
                  </a:ext>
                </a:extLst>
              </p:cNvPr>
              <p:cNvGrpSpPr/>
              <p:nvPr/>
            </p:nvGrpSpPr>
            <p:grpSpPr>
              <a:xfrm>
                <a:off x="2323290" y="2517060"/>
                <a:ext cx="873151" cy="873151"/>
                <a:chOff x="2323290" y="2517060"/>
                <a:chExt cx="873151" cy="873151"/>
              </a:xfrm>
            </p:grpSpPr>
            <p:sp>
              <p:nvSpPr>
                <p:cNvPr id="42" name="Freeform: Shape 41">
                  <a:extLst>
                    <a:ext uri="{FF2B5EF4-FFF2-40B4-BE49-F238E27FC236}">
                      <a16:creationId xmlns:a16="http://schemas.microsoft.com/office/drawing/2014/main" id="{ACD18625-2648-8BA9-286A-CAB4EB281857}"/>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43" name="Freeform: Shape 42">
                  <a:extLst>
                    <a:ext uri="{FF2B5EF4-FFF2-40B4-BE49-F238E27FC236}">
                      <a16:creationId xmlns:a16="http://schemas.microsoft.com/office/drawing/2014/main" id="{3158C665-DB31-AE14-EC88-97DC038B0756}"/>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
          <p:nvSpPr>
            <p:cNvPr id="36" name="!!sharingbox">
              <a:extLst>
                <a:ext uri="{FF2B5EF4-FFF2-40B4-BE49-F238E27FC236}">
                  <a16:creationId xmlns:a16="http://schemas.microsoft.com/office/drawing/2014/main" id="{DCB99B21-A8D5-1C74-8E98-164C796AB68A}"/>
                </a:ext>
              </a:extLst>
            </p:cNvPr>
            <p:cNvSpPr/>
            <p:nvPr/>
          </p:nvSpPr>
          <p:spPr>
            <a:xfrm>
              <a:off x="5346124"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grpSp>
      <p:sp>
        <p:nvSpPr>
          <p:cNvPr id="48" name="!!sharingbox">
            <a:extLst>
              <a:ext uri="{FF2B5EF4-FFF2-40B4-BE49-F238E27FC236}">
                <a16:creationId xmlns:a16="http://schemas.microsoft.com/office/drawing/2014/main" id="{E10B9725-FC31-06F8-6F7C-053514B04D8E}"/>
              </a:ext>
            </a:extLst>
          </p:cNvPr>
          <p:cNvSpPr/>
          <p:nvPr/>
        </p:nvSpPr>
        <p:spPr>
          <a:xfrm>
            <a:off x="2352366" y="4387027"/>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p txid="c1959197434308ce85fe8eeef0e9d7e4">
            <a:pPr algn="ctr"/>
            <a:r>
              <a:rPr lang="es-ES" sz="2400"/>
              <a:t>Options de catégorie</a:t>
            </a:r>
            <a:endParaRPr dirty="0" lang="en-NO" sz="2400"/>
          </a:p>
        </p:txBody>
      </p:sp>
      <p:sp>
        <p:nvSpPr>
          <p:cNvPr id="49" name="!!sharingbox">
            <a:extLst>
              <a:ext uri="{FF2B5EF4-FFF2-40B4-BE49-F238E27FC236}">
                <a16:creationId xmlns:a16="http://schemas.microsoft.com/office/drawing/2014/main" id="{CADD0E5A-76A3-A4F6-B459-8A74C36F2276}"/>
              </a:ext>
            </a:extLst>
          </p:cNvPr>
          <p:cNvSpPr/>
          <p:nvPr/>
        </p:nvSpPr>
        <p:spPr>
          <a:xfrm>
            <a:off x="7259782" y="4387027"/>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p txid="894e6c30b8354ec5e3f7561d98c30db8">
            <a:pPr algn="ctr"/>
            <a:r>
              <a:rPr lang="es-ES" sz="2400"/>
              <a:t>Ensembles de données</a:t>
            </a:r>
            <a:endParaRPr dirty="0" lang="en-NO" sz="2400"/>
          </a:p>
        </p:txBody>
      </p:sp>
    </p:spTree>
    <p:custDataLst>
      <p:tags r:id="rId1"/>
    </p:custDataLst>
    <p:extLst>
      <p:ext uri="{BB962C8B-B14F-4D97-AF65-F5344CB8AC3E}">
        <p14:creationId xmlns:p14="http://schemas.microsoft.com/office/powerpoint/2010/main" val="2696167984"/>
      </p:ext>
    </p:extLst>
  </p:cSld>
  <p:clrMapOvr>
    <a:masterClrMapping/>
  </p:clrMapOvr>
  <mc:AlternateContent xmlns:mc="http://schemas.openxmlformats.org/markup-compatibility/2006" xmlns:p159="http://schemas.microsoft.com/office/powerpoint/2015/09/main">
    <mc:Choice Requires="p159">
      <p:transition advTm="11783" spd="slow">
        <p159:morph option="byObject"/>
      </p:transition>
    </mc:Choice>
    <mc:Fallback xmlns="">
      <p:transition advTm="11783"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8"/>
                                        </p:tgtEl>
                                        <p:attrNameLst>
                                          <p:attrName>style.visibility</p:attrName>
                                        </p:attrNameLst>
                                      </p:cBhvr>
                                      <p:to>
                                        <p:strVal val="visible"/>
                                      </p:to>
                                    </p:set>
                                    <p:animEffect filter="fade" transition="in">
                                      <p:cBhvr>
                                        <p:cTn dur="500" id="7"/>
                                        <p:tgtEl>
                                          <p:spTgt spid="48"/>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9"/>
                                        </p:tgtEl>
                                        <p:attrNameLst>
                                          <p:attrName>style.visibility</p:attrName>
                                        </p:attrNameLst>
                                      </p:cBhvr>
                                      <p:to>
                                        <p:strVal val="visible"/>
                                      </p:to>
                                    </p:set>
                                    <p:animEffect filter="fade" transition="in">
                                      <p:cBhvr>
                                        <p:cTn dur="500" id="12"/>
                                        <p:tgtEl>
                                          <p:spTgt spid="49"/>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8"/>
      <p:bldP animBg="1" grpId="0" spid="49"/>
    </p:bldLst>
  </p:timing>
</p:sld>
</file>

<file path=ppt/slides/slide2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9C1C77-03B8-15C5-7ED6-BBF75EB8AD01}"/>
              </a:ext>
            </a:extLst>
          </p:cNvPr>
          <p:cNvSpPr>
            <a:spLocks noGrp="1"/>
          </p:cNvSpPr>
          <p:nvPr>
            <p:ph type="title"/>
          </p:nvPr>
        </p:nvSpPr>
        <p:spPr/>
        <p:txBody>
          <a:bodyPr/>
          <a:lstStyle/>
          <a:p txid="4d88e710d941cd0210c755cc0c06b6e0">
            <a:r>
              <a:rPr lang="es-ES"/>
              <a:t>Exemple : saisir des données pour l'ensemble de données RMNCAH </a:t>
            </a:r>
            <a:endParaRPr lang="en-NO"/>
          </a:p>
        </p:txBody>
      </p:sp>
      <p:sp>
        <p:nvSpPr>
          <p:cNvPr id="39" name="TextBox 38">
            <a:extLst>
              <a:ext uri="{FF2B5EF4-FFF2-40B4-BE49-F238E27FC236}">
                <a16:creationId xmlns:a16="http://schemas.microsoft.com/office/drawing/2014/main" id="{73D06247-1070-4D02-824E-27887B329D60}"/>
              </a:ext>
            </a:extLst>
          </p:cNvPr>
          <p:cNvSpPr txBox="1"/>
          <p:nvPr/>
        </p:nvSpPr>
        <p:spPr>
          <a:xfrm>
            <a:off x="1385475" y="4610480"/>
            <a:ext cx="2472151" cy="461665"/>
          </a:xfrm>
          <a:prstGeom prst="rect">
            <a:avLst/>
          </a:prstGeom>
          <a:noFill/>
        </p:spPr>
        <p:txBody>
          <a:bodyPr rtlCol="0" wrap="none">
            <a:spAutoFit/>
          </a:bodyPr>
          <a:lstStyle/>
          <a:p txid="19720a29d3c52d8e279e96c0e8b30524">
            <a:pPr>
              <a:buClr>
                <a:srgbClr val="008CCF"/>
              </a:buClr>
            </a:pPr>
            <a:r>
              <a:rPr dirty="0" lang="en-NO" sz="2400"/>
              <a:t> Application Saisie de données</a:t>
            </a:r>
          </a:p>
        </p:txBody>
      </p:sp>
      <p:sp>
        <p:nvSpPr>
          <p:cNvPr id="24" name="TextBox 23">
            <a:extLst>
              <a:ext uri="{FF2B5EF4-FFF2-40B4-BE49-F238E27FC236}">
                <a16:creationId xmlns:a16="http://schemas.microsoft.com/office/drawing/2014/main" id="{4093520C-C2A0-E4B0-6A07-6E6F826A6823}"/>
              </a:ext>
            </a:extLst>
          </p:cNvPr>
          <p:cNvSpPr txBox="1"/>
          <p:nvPr/>
        </p:nvSpPr>
        <p:spPr>
          <a:xfrm>
            <a:off x="4759418" y="4610480"/>
            <a:ext cx="2832875" cy="830997"/>
          </a:xfrm>
          <a:prstGeom prst="rect">
            <a:avLst/>
          </a:prstGeom>
          <a:noFill/>
        </p:spPr>
        <p:txBody>
          <a:bodyPr rtlCol="0" wrap="square">
            <a:spAutoFit/>
          </a:bodyPr>
          <a:lstStyle/>
          <a:p txid="cbf74aaea40d75c6adecc7bd4e3e938f">
            <a:pPr>
              <a:buClr>
                <a:srgbClr val="008CCF"/>
              </a:buClr>
            </a:pPr>
            <a:r>
              <a:rPr lang="es-ES" sz="2400"/>
              <a:t>Unités d'organisation spécifiques</a:t>
            </a:r>
            <a:endParaRPr dirty="0" lang="en-NO" sz="2400"/>
          </a:p>
        </p:txBody>
      </p:sp>
      <p:sp>
        <p:nvSpPr>
          <p:cNvPr id="25" name="TextBox 24">
            <a:extLst>
              <a:ext uri="{FF2B5EF4-FFF2-40B4-BE49-F238E27FC236}">
                <a16:creationId xmlns:a16="http://schemas.microsoft.com/office/drawing/2014/main" id="{AE5AF78A-3D44-44C6-A051-E31B34022DEB}"/>
              </a:ext>
            </a:extLst>
          </p:cNvPr>
          <p:cNvSpPr txBox="1"/>
          <p:nvPr/>
        </p:nvSpPr>
        <p:spPr>
          <a:xfrm>
            <a:off x="7780795" y="4600469"/>
            <a:ext cx="3559150" cy="1200329"/>
          </a:xfrm>
          <a:prstGeom prst="rect">
            <a:avLst/>
          </a:prstGeom>
          <a:noFill/>
        </p:spPr>
        <p:txBody>
          <a:bodyPr rtlCol="0" wrap="square">
            <a:spAutoFit/>
          </a:bodyPr>
          <a:lstStyle/>
          <a:p txid="084c8122665123ec225820eb79c8b815">
            <a:pPr algn="l">
              <a:buClr>
                <a:srgbClr val="008CCF"/>
              </a:buClr>
            </a:pPr>
            <a:r>
              <a:rPr dirty="0" lang="en-US" sz="2400"/>
              <a:t>Partage de données RMNCAH :</a:t>
            </a:r>
            <a:r>
              <a:rPr lang="en-NO" sz="2400"/>
            </a:r>
            <a:r>
              <a:rPr lang="es-ES" sz="2400"/>
            </a:r>
            <a:r>
              <a:rPr lang="en-NO" sz="2400"/>
            </a:r>
            <a:endParaRPr dirty="0" lang="en-NO" sz="2400"/>
          </a:p>
          <a:p txid="b1386f849c064c6809df7e6f04b2b4ea">
            <a:pPr indent="-342900" lvl="1" marL="800100">
              <a:buClr>
                <a:srgbClr val="008CCF"/>
              </a:buClr>
              <a:buFont charset="-79" pitchFamily="2" typeface="Rubik"/>
              <a:buChar char="•"/>
            </a:pPr>
            <a:r>
              <a:rPr lang="en-NO" sz="2400"/>
              <a:t> Options de catégorie</a:t>
            </a:r>
            <a:r>
              <a:rPr lang="es-ES" sz="2400"/>
            </a:r>
            <a:endParaRPr dirty="0" lang="en-NO" sz="2400"/>
          </a:p>
          <a:p txid="66f93acc7a1ec80ec949cabb9e5ac1d9">
            <a:pPr indent="-342900" lvl="1" marL="800100">
              <a:buClr>
                <a:srgbClr val="008CCF"/>
              </a:buClr>
              <a:buFont charset="-79" pitchFamily="2" typeface="Rubik"/>
              <a:buChar char="•"/>
            </a:pPr>
            <a:r>
              <a:rPr lang="es-ES" sz="2400"/>
              <a:t>Ensemble de données</a:t>
            </a:r>
            <a:r>
              <a:rPr lang="en-NO" sz="2400"/>
            </a:r>
            <a:r>
              <a:rPr dirty="0" lang="en-NO" sz="2400"/>
            </a:r>
          </a:p>
        </p:txBody>
      </p:sp>
      <p:grpSp>
        <p:nvGrpSpPr>
          <p:cNvPr id="23" name="Group 22">
            <a:extLst>
              <a:ext uri="{FF2B5EF4-FFF2-40B4-BE49-F238E27FC236}">
                <a16:creationId xmlns:a16="http://schemas.microsoft.com/office/drawing/2014/main" id="{E98093A4-FC6B-B9E2-78BF-0FF4A44356E2}"/>
              </a:ext>
            </a:extLst>
          </p:cNvPr>
          <p:cNvGrpSpPr/>
          <p:nvPr/>
        </p:nvGrpSpPr>
        <p:grpSpPr>
          <a:xfrm>
            <a:off x="1298820" y="1574113"/>
            <a:ext cx="2631607" cy="2649537"/>
            <a:chOff x="8720208" y="1645916"/>
            <a:chExt cx="2631607" cy="2649537"/>
          </a:xfrm>
        </p:grpSpPr>
        <p:grpSp>
          <p:nvGrpSpPr>
            <p:cNvPr id="33" name="Group 32">
              <a:extLst>
                <a:ext uri="{FF2B5EF4-FFF2-40B4-BE49-F238E27FC236}">
                  <a16:creationId xmlns:a16="http://schemas.microsoft.com/office/drawing/2014/main" id="{E3795E06-D8DE-C264-7A5E-31BBE9AC700B}"/>
                </a:ext>
              </a:extLst>
            </p:cNvPr>
            <p:cNvGrpSpPr/>
            <p:nvPr/>
          </p:nvGrpSpPr>
          <p:grpSpPr>
            <a:xfrm>
              <a:off x="8954820" y="2631676"/>
              <a:ext cx="2170117" cy="1663777"/>
              <a:chOff x="5042099" y="2205086"/>
              <a:chExt cx="2170117" cy="1663777"/>
            </a:xfrm>
          </p:grpSpPr>
          <p:grpSp>
            <p:nvGrpSpPr>
              <p:cNvPr id="37" name="Group 36">
                <a:extLst>
                  <a:ext uri="{FF2B5EF4-FFF2-40B4-BE49-F238E27FC236}">
                    <a16:creationId xmlns:a16="http://schemas.microsoft.com/office/drawing/2014/main" id="{6BAA9FEA-3DED-B4B1-6A78-7C8D3DB78E1F}"/>
                  </a:ext>
                </a:extLst>
              </p:cNvPr>
              <p:cNvGrpSpPr/>
              <p:nvPr/>
            </p:nvGrpSpPr>
            <p:grpSpPr>
              <a:xfrm>
                <a:off x="5042099" y="2205086"/>
                <a:ext cx="1663776" cy="1663777"/>
                <a:chOff x="4939393" y="2097225"/>
                <a:chExt cx="1584048" cy="1584049"/>
              </a:xfrm>
            </p:grpSpPr>
            <p:sp>
              <p:nvSpPr>
                <p:cNvPr id="49" name="Freeform: Shape 48">
                  <a:extLst>
                    <a:ext uri="{FF2B5EF4-FFF2-40B4-BE49-F238E27FC236}">
                      <a16:creationId xmlns:a16="http://schemas.microsoft.com/office/drawing/2014/main" id="{E9C3224A-097C-428A-44F1-C6DC527023C7}"/>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50" name="Group 49">
                  <a:extLst>
                    <a:ext uri="{FF2B5EF4-FFF2-40B4-BE49-F238E27FC236}">
                      <a16:creationId xmlns:a16="http://schemas.microsoft.com/office/drawing/2014/main" id="{2221732A-E1DE-1B1C-3EB6-B2C487279DF6}"/>
                    </a:ext>
                  </a:extLst>
                </p:cNvPr>
                <p:cNvGrpSpPr/>
                <p:nvPr/>
              </p:nvGrpSpPr>
              <p:grpSpPr>
                <a:xfrm>
                  <a:off x="5192227" y="2369148"/>
                  <a:ext cx="1078380" cy="1040202"/>
                  <a:chOff x="3448859" y="1386457"/>
                  <a:chExt cx="1078380" cy="1040202"/>
                </a:xfrm>
              </p:grpSpPr>
              <p:sp>
                <p:nvSpPr>
                  <p:cNvPr id="51" name="Freeform: Shape 50">
                    <a:extLst>
                      <a:ext uri="{FF2B5EF4-FFF2-40B4-BE49-F238E27FC236}">
                        <a16:creationId xmlns:a16="http://schemas.microsoft.com/office/drawing/2014/main" id="{2CEBE642-173F-2186-4EF1-229A2D037ED1}"/>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52" name="Freeform: Shape 51">
                    <a:extLst>
                      <a:ext uri="{FF2B5EF4-FFF2-40B4-BE49-F238E27FC236}">
                        <a16:creationId xmlns:a16="http://schemas.microsoft.com/office/drawing/2014/main" id="{FCFE2442-F8B2-5D61-869E-E03332AEFCA4}"/>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41" name="Freeform: Shape 40">
                <a:extLst>
                  <a:ext uri="{FF2B5EF4-FFF2-40B4-BE49-F238E27FC236}">
                    <a16:creationId xmlns:a16="http://schemas.microsoft.com/office/drawing/2014/main" id="{C3146835-5C1C-F709-E506-0AC70683E30A}"/>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42" name="Graphic 30">
                <a:extLst>
                  <a:ext uri="{FF2B5EF4-FFF2-40B4-BE49-F238E27FC236}">
                    <a16:creationId xmlns:a16="http://schemas.microsoft.com/office/drawing/2014/main" id="{CD725DE8-8A02-BBAE-FFC5-395B0E94B092}"/>
                  </a:ext>
                </a:extLst>
              </p:cNvPr>
              <p:cNvGrpSpPr/>
              <p:nvPr/>
            </p:nvGrpSpPr>
            <p:grpSpPr>
              <a:xfrm>
                <a:off x="6382743" y="2556395"/>
                <a:ext cx="829473" cy="829474"/>
                <a:chOff x="5945741" y="2242429"/>
                <a:chExt cx="1307468" cy="1307469"/>
              </a:xfrm>
            </p:grpSpPr>
            <p:sp>
              <p:nvSpPr>
                <p:cNvPr id="47" name="Freeform: Shape 46">
                  <a:extLst>
                    <a:ext uri="{FF2B5EF4-FFF2-40B4-BE49-F238E27FC236}">
                      <a16:creationId xmlns:a16="http://schemas.microsoft.com/office/drawing/2014/main" id="{C64863F7-7E60-310E-D319-898807889AAB}"/>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48" name="Freeform: Shape 47">
                  <a:extLst>
                    <a:ext uri="{FF2B5EF4-FFF2-40B4-BE49-F238E27FC236}">
                      <a16:creationId xmlns:a16="http://schemas.microsoft.com/office/drawing/2014/main" id="{2DCC0944-F42C-F932-8B08-C4B95697ECC6}"/>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34" name="userbox">
              <a:extLst>
                <a:ext uri="{FF2B5EF4-FFF2-40B4-BE49-F238E27FC236}">
                  <a16:creationId xmlns:a16="http://schemas.microsoft.com/office/drawing/2014/main" id="{0D1DB5FB-03D9-3A65-479F-7783BEB66D62}"/>
                </a:ext>
              </a:extLst>
            </p:cNvPr>
            <p:cNvSpPr/>
            <p:nvPr/>
          </p:nvSpPr>
          <p:spPr>
            <a:xfrm>
              <a:off x="8720208"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grpSp>
      <p:grpSp>
        <p:nvGrpSpPr>
          <p:cNvPr id="3" name="Group 2">
            <a:extLst>
              <a:ext uri="{FF2B5EF4-FFF2-40B4-BE49-F238E27FC236}">
                <a16:creationId xmlns:a16="http://schemas.microsoft.com/office/drawing/2014/main" id="{DD75718A-E515-7D36-EC63-83C2FE7A2975}"/>
              </a:ext>
            </a:extLst>
          </p:cNvPr>
          <p:cNvGrpSpPr/>
          <p:nvPr/>
        </p:nvGrpSpPr>
        <p:grpSpPr>
          <a:xfrm>
            <a:off x="4780097" y="1574113"/>
            <a:ext cx="2631607" cy="2641866"/>
            <a:chOff x="4613943" y="1583745"/>
            <a:chExt cx="2631607" cy="2641866"/>
          </a:xfrm>
        </p:grpSpPr>
        <p:grpSp>
          <p:nvGrpSpPr>
            <p:cNvPr id="53" name="Group 52">
              <a:extLst>
                <a:ext uri="{FF2B5EF4-FFF2-40B4-BE49-F238E27FC236}">
                  <a16:creationId xmlns:a16="http://schemas.microsoft.com/office/drawing/2014/main" id="{AC4D734B-D4E5-52CB-70D3-9A90343024A9}"/>
                </a:ext>
              </a:extLst>
            </p:cNvPr>
            <p:cNvGrpSpPr/>
            <p:nvPr/>
          </p:nvGrpSpPr>
          <p:grpSpPr>
            <a:xfrm>
              <a:off x="4986641" y="2561833"/>
              <a:ext cx="1886211" cy="1663778"/>
              <a:chOff x="8409934" y="2229519"/>
              <a:chExt cx="1886211" cy="1663778"/>
            </a:xfrm>
          </p:grpSpPr>
          <p:pic>
            <p:nvPicPr>
              <p:cNvPr id="54" name="Picture 53">
                <a:extLst>
                  <a:ext uri="{FF2B5EF4-FFF2-40B4-BE49-F238E27FC236}">
                    <a16:creationId xmlns:a16="http://schemas.microsoft.com/office/drawing/2014/main" id="{1A34C6CA-36EF-39CE-97D2-D1EB89274E0E}"/>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55" name="Freeform: Shape 54">
                <a:extLst>
                  <a:ext uri="{FF2B5EF4-FFF2-40B4-BE49-F238E27FC236}">
                    <a16:creationId xmlns:a16="http://schemas.microsoft.com/office/drawing/2014/main" id="{8B87056C-2209-24A2-7838-F043C4FD1104}"/>
                  </a:ext>
                </a:extLst>
              </p:cNvPr>
              <p:cNvSpPr/>
              <p:nvPr/>
            </p:nvSpPr>
            <p:spPr>
              <a:xfrm>
                <a:off x="9703183" y="2973925"/>
                <a:ext cx="391447" cy="391447"/>
              </a:xfrm>
              <a:custGeom>
                <a:avLst/>
                <a:gdLst>
                  <a:gd fmla="*/ 391447 w 391447" name="connsiteX0"/>
                  <a:gd fmla="*/ 195724 h 391447" name="connsiteY0"/>
                  <a:gd fmla="*/ 195724 w 391447" name="connsiteX1"/>
                  <a:gd fmla="*/ 391447 h 391447" name="connsiteY1"/>
                  <a:gd fmla="*/ 0 w 391447" name="connsiteX2"/>
                  <a:gd fmla="*/ 195724 h 391447" name="connsiteY2"/>
                  <a:gd fmla="*/ 195724 w 391447" name="connsiteX3"/>
                  <a:gd fmla="*/ 0 h 391447" name="connsiteY3"/>
                  <a:gd fmla="*/ 391447 w 391447" name="connsiteX4"/>
                  <a:gd fmla="*/ 195724 h 39144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91447" w="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cap="flat" w="1594">
                <a:noFill/>
                <a:prstDash val="solid"/>
                <a:miter/>
              </a:ln>
            </p:spPr>
            <p:txBody>
              <a:bodyPr anchor="ctr" rtlCol="0"/>
              <a:lstStyle/>
              <a:p>
                <a:endParaRPr lang="es-ES"/>
              </a:p>
            </p:txBody>
          </p:sp>
          <p:grpSp>
            <p:nvGrpSpPr>
              <p:cNvPr id="56" name="Graphic 4">
                <a:extLst>
                  <a:ext uri="{FF2B5EF4-FFF2-40B4-BE49-F238E27FC236}">
                    <a16:creationId xmlns:a16="http://schemas.microsoft.com/office/drawing/2014/main" id="{B71AB44D-14C4-B1B8-FF92-157D96DB183C}"/>
                  </a:ext>
                </a:extLst>
              </p:cNvPr>
              <p:cNvGrpSpPr/>
              <p:nvPr/>
            </p:nvGrpSpPr>
            <p:grpSpPr>
              <a:xfrm>
                <a:off x="9466672" y="2754865"/>
                <a:ext cx="829473" cy="829473"/>
                <a:chOff x="9466672" y="2754865"/>
                <a:chExt cx="829473" cy="829473"/>
              </a:xfrm>
            </p:grpSpPr>
            <p:sp>
              <p:nvSpPr>
                <p:cNvPr id="57" name="Freeform: Shape 56">
                  <a:extLst>
                    <a:ext uri="{FF2B5EF4-FFF2-40B4-BE49-F238E27FC236}">
                      <a16:creationId xmlns:a16="http://schemas.microsoft.com/office/drawing/2014/main" id="{074B508F-1379-DA70-B948-3721480EAE1D}"/>
                    </a:ext>
                  </a:extLst>
                </p:cNvPr>
                <p:cNvSpPr/>
                <p:nvPr/>
              </p:nvSpPr>
              <p:spPr>
                <a:xfrm rot="-1011000">
                  <a:off x="9785720" y="3073848"/>
                  <a:ext cx="191416" cy="191416"/>
                </a:xfrm>
                <a:custGeom>
                  <a:avLst/>
                  <a:gdLst>
                    <a:gd fmla="*/ 191417 w 191416" name="connsiteX0"/>
                    <a:gd fmla="*/ 95708 h 191416" name="connsiteY0"/>
                    <a:gd fmla="*/ 95708 w 191416" name="connsiteX1"/>
                    <a:gd fmla="*/ 191417 h 191416" name="connsiteY1"/>
                    <a:gd fmla="*/ 0 w 191416" name="connsiteX2"/>
                    <a:gd fmla="*/ 95708 h 191416" name="connsiteY2"/>
                    <a:gd fmla="*/ 95708 w 191416" name="connsiteX3"/>
                    <a:gd fmla="*/ 0 h 191416" name="connsiteY3"/>
                    <a:gd fmla="*/ 191417 w 191416" name="connsiteX4"/>
                    <a:gd fmla="*/ 95708 h 19141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91416" w="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cap="flat" w="1594">
                  <a:noFill/>
                  <a:prstDash val="solid"/>
                  <a:miter/>
                </a:ln>
              </p:spPr>
              <p:txBody>
                <a:bodyPr anchor="ctr" rtlCol="0"/>
                <a:lstStyle/>
                <a:p>
                  <a:endParaRPr lang="es-ES"/>
                </a:p>
              </p:txBody>
            </p:sp>
            <p:sp>
              <p:nvSpPr>
                <p:cNvPr id="58" name="Freeform: Shape 57">
                  <a:extLst>
                    <a:ext uri="{FF2B5EF4-FFF2-40B4-BE49-F238E27FC236}">
                      <a16:creationId xmlns:a16="http://schemas.microsoft.com/office/drawing/2014/main" id="{2A00B5F3-D958-7444-A9D1-5764380E1439}"/>
                    </a:ext>
                  </a:extLst>
                </p:cNvPr>
                <p:cNvSpPr/>
                <p:nvPr/>
              </p:nvSpPr>
              <p:spPr>
                <a:xfrm>
                  <a:off x="9466672" y="2754865"/>
                  <a:ext cx="829473" cy="829473"/>
                </a:xfrm>
                <a:custGeom>
                  <a:avLst/>
                  <a:gdLst>
                    <a:gd fmla="*/ 828293 w 829473" name="connsiteX0"/>
                    <a:gd fmla="*/ 343705 h 829473" name="connsiteY0"/>
                    <a:gd fmla="*/ 826889 w 829473" name="connsiteX1"/>
                    <a:gd fmla="*/ 339637 h 829473" name="connsiteY1"/>
                    <a:gd fmla="*/ 797570 w 829473" name="connsiteX2"/>
                    <a:gd fmla="*/ 320304 h 829473" name="connsiteY2"/>
                    <a:gd fmla="*/ 752587 w 829473" name="connsiteX3"/>
                    <a:gd fmla="*/ 320304 h 829473" name="connsiteY3"/>
                    <a:gd fmla="*/ 721051 w 829473" name="connsiteX4"/>
                    <a:gd fmla="*/ 307591 h 829473" name="connsiteY4"/>
                    <a:gd fmla="*/ 720684 w 829473" name="connsiteX5"/>
                    <a:gd fmla="*/ 245333 h 829473" name="connsiteY5"/>
                    <a:gd fmla="*/ 752587 w 829473" name="connsiteX6"/>
                    <a:gd fmla="*/ 213430 h 829473" name="connsiteY6"/>
                    <a:gd fmla="*/ 752779 w 829473" name="connsiteX7"/>
                    <a:gd fmla="*/ 213238 h 829473" name="connsiteY7"/>
                    <a:gd fmla="*/ 755873 w 829473" name="connsiteX8"/>
                    <a:gd fmla="*/ 209554 h 829473" name="connsiteY8"/>
                    <a:gd fmla="*/ 752587 w 829473" name="connsiteX9"/>
                    <a:gd fmla="*/ 168128 h 829473" name="connsiteY9"/>
                    <a:gd fmla="*/ 662302 w 829473" name="connsiteX10"/>
                    <a:gd fmla="*/ 77843 h 829473" name="connsiteY10"/>
                    <a:gd fmla="*/ 662111 w 829473" name="connsiteX11"/>
                    <a:gd fmla="*/ 77651 h 829473" name="connsiteY11"/>
                    <a:gd fmla="*/ 617000 w 829473" name="connsiteX12"/>
                    <a:gd fmla="*/ 77843 h 829473" name="connsiteY12"/>
                    <a:gd fmla="*/ 607589 w 829473" name="connsiteX13"/>
                    <a:gd fmla="*/ 87254 h 829473" name="connsiteY13"/>
                    <a:gd fmla="*/ 585098 w 829473" name="connsiteX14"/>
                    <a:gd fmla="*/ 109746 h 829473" name="connsiteY14"/>
                    <a:gd fmla="*/ 553562 w 829473" name="connsiteX15"/>
                    <a:gd fmla="*/ 122459 h 829473" name="connsiteY15"/>
                    <a:gd fmla="*/ 510126 w 829473" name="connsiteX16"/>
                    <a:gd fmla="*/ 77843 h 829473" name="connsiteY16"/>
                    <a:gd fmla="*/ 510126 w 829473" name="connsiteX17"/>
                    <a:gd fmla="*/ 31903 h 829473" name="connsiteY17"/>
                    <a:gd fmla="*/ 478223 w 829473" name="connsiteX18"/>
                    <a:gd fmla="*/ 0 h 829473" name="connsiteY18"/>
                    <a:gd fmla="*/ 350612 w 829473" name="connsiteX19"/>
                    <a:gd fmla="*/ 0 h 829473" name="connsiteY19"/>
                    <a:gd fmla="*/ 318709 w 829473" name="connsiteX20"/>
                    <a:gd fmla="*/ 31903 h 829473" name="connsiteY20"/>
                    <a:gd fmla="*/ 318709 w 829473" name="connsiteX21"/>
                    <a:gd fmla="*/ 76248 h 829473" name="connsiteY21"/>
                    <a:gd fmla="*/ 305996 w 829473" name="connsiteX22"/>
                    <a:gd fmla="*/ 107784 h 829473" name="connsiteY22"/>
                    <a:gd fmla="*/ 243737 w 829473" name="connsiteX23"/>
                    <a:gd fmla="*/ 108151 h 829473" name="connsiteY23"/>
                    <a:gd fmla="*/ 215041 w 829473" name="connsiteX24"/>
                    <a:gd fmla="*/ 79454 h 829473" name="connsiteY24"/>
                    <a:gd fmla="*/ 211835 w 829473" name="connsiteX25"/>
                    <a:gd fmla="*/ 76248 h 829473" name="connsiteY25"/>
                    <a:gd fmla="*/ 211643 w 829473" name="connsiteX26"/>
                    <a:gd fmla="*/ 76056 h 829473" name="connsiteY26"/>
                    <a:gd fmla="*/ 166533 w 829473" name="connsiteX27"/>
                    <a:gd fmla="*/ 76248 h 829473" name="connsiteY27"/>
                    <a:gd fmla="*/ 77843 w 829473" name="connsiteX28"/>
                    <a:gd fmla="*/ 166852 h 829473" name="connsiteY28"/>
                    <a:gd fmla="*/ 77651 w 829473" name="connsiteX29"/>
                    <a:gd fmla="*/ 167043 h 829473" name="connsiteY29"/>
                    <a:gd fmla="*/ 68447 w 829473" name="connsiteX30"/>
                    <a:gd fmla="*/ 188402 h 829473" name="connsiteY30"/>
                    <a:gd fmla="*/ 77827 w 829473" name="connsiteX31"/>
                    <a:gd fmla="*/ 212154 h 829473" name="connsiteY31"/>
                    <a:gd fmla="*/ 109730 w 829473" name="connsiteX32"/>
                    <a:gd fmla="*/ 244056 h 829473" name="connsiteY32"/>
                    <a:gd fmla="*/ 122443 w 829473" name="connsiteX33"/>
                    <a:gd fmla="*/ 275592 h 829473" name="connsiteY33"/>
                    <a:gd fmla="*/ 77827 w 829473" name="connsiteX34"/>
                    <a:gd fmla="*/ 319028 h 829473" name="connsiteY34"/>
                    <a:gd fmla="*/ 31903 w 829473" name="connsiteX35"/>
                    <a:gd fmla="*/ 319028 h 829473" name="connsiteY35"/>
                    <a:gd fmla="*/ 0 w 829473" name="connsiteX36"/>
                    <a:gd fmla="*/ 350931 h 829473" name="connsiteY36"/>
                    <a:gd fmla="*/ 0 w 829473" name="connsiteX37"/>
                    <a:gd fmla="*/ 478861 h 829473" name="connsiteY37"/>
                    <a:gd fmla="*/ 31903 w 829473" name="connsiteX38"/>
                    <a:gd fmla="*/ 510764 h 829473" name="connsiteY38"/>
                    <a:gd fmla="*/ 76248 w 829473" name="connsiteX39"/>
                    <a:gd fmla="*/ 510764 h 829473" name="connsiteY39"/>
                    <a:gd fmla="*/ 107784 w 829473" name="connsiteX40"/>
                    <a:gd fmla="*/ 523477 h 829473" name="connsiteY40"/>
                    <a:gd fmla="*/ 108151 w 829473" name="connsiteX41"/>
                    <a:gd fmla="*/ 585736 h 829473" name="connsiteY41"/>
                    <a:gd fmla="*/ 76248 w 829473" name="connsiteX42"/>
                    <a:gd fmla="*/ 617638 h 829473" name="connsiteY42"/>
                    <a:gd fmla="*/ 76056 w 829473" name="connsiteX43"/>
                    <a:gd fmla="*/ 617830 h 829473" name="connsiteY43"/>
                    <a:gd fmla="*/ 76248 w 829473" name="connsiteX44"/>
                    <a:gd fmla="*/ 662940 h 829473" name="connsiteY44"/>
                    <a:gd fmla="*/ 166852 w 829473" name="connsiteX45"/>
                    <a:gd fmla="*/ 751630 h 829473" name="connsiteY45"/>
                    <a:gd fmla="*/ 167043 w 829473" name="connsiteX46"/>
                    <a:gd fmla="*/ 751822 h 829473" name="connsiteY46"/>
                    <a:gd fmla="*/ 212154 w 829473" name="connsiteX47"/>
                    <a:gd fmla="*/ 751630 h 829473" name="connsiteY47"/>
                    <a:gd fmla="*/ 244056 w 829473" name="connsiteX48"/>
                    <a:gd fmla="*/ 719727 h 829473" name="connsiteY48"/>
                    <a:gd fmla="*/ 275592 w 829473" name="connsiteX49"/>
                    <a:gd fmla="*/ 707014 h 829473" name="connsiteY49"/>
                    <a:gd fmla="*/ 319028 w 829473" name="connsiteX50"/>
                    <a:gd fmla="*/ 751630 h 829473" name="connsiteY50"/>
                    <a:gd fmla="*/ 319028 w 829473" name="connsiteX51"/>
                    <a:gd fmla="*/ 797570 h 829473" name="connsiteY51"/>
                    <a:gd fmla="*/ 350931 w 829473" name="connsiteX52"/>
                    <a:gd fmla="*/ 829473 h 829473" name="connsiteY52"/>
                    <a:gd fmla="*/ 478542 w 829473" name="connsiteX53"/>
                    <a:gd fmla="*/ 829473 h 829473" name="connsiteY53"/>
                    <a:gd fmla="*/ 509169 w 829473" name="connsiteX54"/>
                    <a:gd fmla="*/ 797570 h 829473" name="connsiteY54"/>
                    <a:gd fmla="*/ 509169 w 829473" name="connsiteX55"/>
                    <a:gd fmla="*/ 754182 h 829473" name="connsiteY55"/>
                    <a:gd fmla="*/ 521882 w 829473" name="connsiteX56"/>
                    <a:gd fmla="*/ 722646 h 829473" name="connsiteY56"/>
                    <a:gd fmla="*/ 584140 w 829473" name="connsiteX57"/>
                    <a:gd fmla="*/ 722280 h 829473" name="connsiteY57"/>
                    <a:gd fmla="*/ 616043 w 829473" name="connsiteX58"/>
                    <a:gd fmla="*/ 754182 h 829473" name="connsiteY58"/>
                    <a:gd fmla="*/ 616235 w 829473" name="connsiteX59"/>
                    <a:gd fmla="*/ 754374 h 829473" name="connsiteY59"/>
                    <a:gd fmla="*/ 661345 w 829473" name="connsiteX60"/>
                    <a:gd fmla="*/ 754182 h 829473" name="connsiteY60"/>
                    <a:gd fmla="*/ 751630 w 829473" name="connsiteX61"/>
                    <a:gd fmla="*/ 663897 h 829473" name="connsiteY61"/>
                    <a:gd fmla="*/ 751822 w 829473" name="connsiteX62"/>
                    <a:gd fmla="*/ 663706 h 829473" name="connsiteY62"/>
                    <a:gd fmla="*/ 751630 w 829473" name="connsiteX63"/>
                    <a:gd fmla="*/ 618595 h 829473" name="connsiteY63"/>
                    <a:gd fmla="*/ 719727 w 829473" name="connsiteX64"/>
                    <a:gd fmla="*/ 586693 h 829473" name="connsiteY64"/>
                    <a:gd fmla="*/ 707014 w 829473" name="connsiteX65"/>
                    <a:gd fmla="*/ 555157 h 829473" name="connsiteY65"/>
                    <a:gd fmla="*/ 751630 w 829473" name="connsiteX66"/>
                    <a:gd fmla="*/ 511721 h 829473" name="connsiteY66"/>
                    <a:gd fmla="*/ 797570 w 829473" name="connsiteX67"/>
                    <a:gd fmla="*/ 511721 h 829473" name="connsiteY67"/>
                    <a:gd fmla="*/ 829473 w 829473" name="connsiteX68"/>
                    <a:gd fmla="*/ 479818 h 829473" name="connsiteY68"/>
                    <a:gd fmla="*/ 829473 w 829473" name="connsiteX69"/>
                    <a:gd fmla="*/ 352207 h 829473" name="connsiteY69"/>
                    <a:gd fmla="*/ 828293 w 829473" name="connsiteX70"/>
                    <a:gd fmla="*/ 343705 h 829473" name="connsiteY70"/>
                    <a:gd fmla="*/ 414737 w 829473" name="connsiteX71"/>
                    <a:gd fmla="*/ 574251 h 829473" name="connsiteY71"/>
                    <a:gd fmla="*/ 255222 w 829473" name="connsiteX72"/>
                    <a:gd fmla="*/ 414737 h 829473" name="connsiteY72"/>
                    <a:gd fmla="*/ 414737 w 829473" name="connsiteX73"/>
                    <a:gd fmla="*/ 255222 h 829473" name="connsiteY73"/>
                    <a:gd fmla="*/ 574251 w 829473" name="connsiteX74"/>
                    <a:gd fmla="*/ 414737 h 829473" name="connsiteY74"/>
                    <a:gd fmla="*/ 414737 w 829473" name="connsiteX75"/>
                    <a:gd fmla="*/ 574251 h 829473"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29473" w="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cap="flat" w="1594">
                  <a:noFill/>
                  <a:prstDash val="solid"/>
                  <a:miter/>
                </a:ln>
              </p:spPr>
              <p:txBody>
                <a:bodyPr anchor="ctr" rtlCol="0"/>
                <a:lstStyle/>
                <a:p>
                  <a:endParaRPr lang="es-ES"/>
                </a:p>
              </p:txBody>
            </p:sp>
          </p:grpSp>
        </p:grpSp>
        <p:sp>
          <p:nvSpPr>
            <p:cNvPr id="59" name="orgunitbox">
              <a:extLst>
                <a:ext uri="{FF2B5EF4-FFF2-40B4-BE49-F238E27FC236}">
                  <a16:creationId xmlns:a16="http://schemas.microsoft.com/office/drawing/2014/main" id="{AD7B506B-9C22-6E6C-45F7-303876B7B074}"/>
                </a:ext>
              </a:extLst>
            </p:cNvPr>
            <p:cNvSpPr/>
            <p:nvPr/>
          </p:nvSpPr>
          <p:spPr>
            <a:xfrm>
              <a:off x="4613943" y="158374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8ee409b56c1b32d5f0c7e7c0396d3315">
              <a:pPr algn="ctr"/>
              <a:r>
                <a:rPr lang="es-ES" sz="2400"/>
                <a:t>Attribution des unités d'organisation</a:t>
              </a:r>
              <a:endParaRPr dirty="0" lang="en-NO" sz="2400"/>
            </a:p>
          </p:txBody>
        </p:sp>
      </p:grpSp>
      <p:grpSp>
        <p:nvGrpSpPr>
          <p:cNvPr id="60" name="Group 59">
            <a:extLst>
              <a:ext uri="{FF2B5EF4-FFF2-40B4-BE49-F238E27FC236}">
                <a16:creationId xmlns:a16="http://schemas.microsoft.com/office/drawing/2014/main" id="{9891E405-F734-9E1F-C283-3B7674ED4884}"/>
              </a:ext>
            </a:extLst>
          </p:cNvPr>
          <p:cNvGrpSpPr/>
          <p:nvPr/>
        </p:nvGrpSpPr>
        <p:grpSpPr>
          <a:xfrm>
            <a:off x="8261374" y="1574113"/>
            <a:ext cx="2631607" cy="2869364"/>
            <a:chOff x="5346124" y="1645916"/>
            <a:chExt cx="2631607" cy="2869364"/>
          </a:xfrm>
        </p:grpSpPr>
        <p:grpSp>
          <p:nvGrpSpPr>
            <p:cNvPr id="61" name="!!sharing">
              <a:extLst>
                <a:ext uri="{FF2B5EF4-FFF2-40B4-BE49-F238E27FC236}">
                  <a16:creationId xmlns:a16="http://schemas.microsoft.com/office/drawing/2014/main" id="{59C78993-AD26-6EA8-6BA4-A81D92FA04A4}"/>
                </a:ext>
              </a:extLst>
            </p:cNvPr>
            <p:cNvGrpSpPr/>
            <p:nvPr/>
          </p:nvGrpSpPr>
          <p:grpSpPr>
            <a:xfrm>
              <a:off x="5730456" y="2511136"/>
              <a:ext cx="1862941" cy="2004144"/>
              <a:chOff x="1333500" y="1969731"/>
              <a:chExt cx="1862941" cy="2004144"/>
            </a:xfrm>
          </p:grpSpPr>
          <p:sp>
            <p:nvSpPr>
              <p:cNvPr id="63" name="Freeform 22">
                <a:extLst>
                  <a:ext uri="{FF2B5EF4-FFF2-40B4-BE49-F238E27FC236}">
                    <a16:creationId xmlns:a16="http://schemas.microsoft.com/office/drawing/2014/main" id="{02C12713-5D99-919B-3C89-8F302B79D1C8}"/>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64" name="Group 63">
                <a:extLst>
                  <a:ext uri="{FF2B5EF4-FFF2-40B4-BE49-F238E27FC236}">
                    <a16:creationId xmlns:a16="http://schemas.microsoft.com/office/drawing/2014/main" id="{BD5D7E70-92A6-B790-1679-BA50391DDDC5}"/>
                  </a:ext>
                </a:extLst>
              </p:cNvPr>
              <p:cNvGrpSpPr/>
              <p:nvPr/>
            </p:nvGrpSpPr>
            <p:grpSpPr>
              <a:xfrm>
                <a:off x="1746057" y="1969731"/>
                <a:ext cx="923284" cy="861233"/>
                <a:chOff x="2866244" y="2493706"/>
                <a:chExt cx="1072382" cy="1000311"/>
              </a:xfrm>
            </p:grpSpPr>
            <p:sp>
              <p:nvSpPr>
                <p:cNvPr id="72" name="Freeform 23">
                  <a:extLst>
                    <a:ext uri="{FF2B5EF4-FFF2-40B4-BE49-F238E27FC236}">
                      <a16:creationId xmlns:a16="http://schemas.microsoft.com/office/drawing/2014/main" id="{46855595-207C-DAF5-2978-3FC3B67983AC}"/>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73" name="Freeform 24">
                  <a:extLst>
                    <a:ext uri="{FF2B5EF4-FFF2-40B4-BE49-F238E27FC236}">
                      <a16:creationId xmlns:a16="http://schemas.microsoft.com/office/drawing/2014/main" id="{BDF42A42-0581-601C-C3DC-6485EED991C1}"/>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65" name="Group 64">
                <a:extLst>
                  <a:ext uri="{FF2B5EF4-FFF2-40B4-BE49-F238E27FC236}">
                    <a16:creationId xmlns:a16="http://schemas.microsoft.com/office/drawing/2014/main" id="{BAD4B17D-7B07-1E8F-738A-8F321577E8A2}"/>
                  </a:ext>
                </a:extLst>
              </p:cNvPr>
              <p:cNvGrpSpPr/>
              <p:nvPr/>
            </p:nvGrpSpPr>
            <p:grpSpPr>
              <a:xfrm>
                <a:off x="1784364" y="3136309"/>
                <a:ext cx="846670" cy="837566"/>
                <a:chOff x="3040063" y="3848672"/>
                <a:chExt cx="983396" cy="972822"/>
              </a:xfrm>
            </p:grpSpPr>
            <p:sp>
              <p:nvSpPr>
                <p:cNvPr id="70" name="Freeform 28">
                  <a:extLst>
                    <a:ext uri="{FF2B5EF4-FFF2-40B4-BE49-F238E27FC236}">
                      <a16:creationId xmlns:a16="http://schemas.microsoft.com/office/drawing/2014/main" id="{D87B8C20-E907-6FBE-11A2-A3133B4E9383}"/>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71" name="Freeform 29">
                  <a:extLst>
                    <a:ext uri="{FF2B5EF4-FFF2-40B4-BE49-F238E27FC236}">
                      <a16:creationId xmlns:a16="http://schemas.microsoft.com/office/drawing/2014/main" id="{4D375D9D-303E-475E-A6D3-41815F8D25C2}"/>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66" name="Freeform: Shape 65">
                <a:extLst>
                  <a:ext uri="{FF2B5EF4-FFF2-40B4-BE49-F238E27FC236}">
                    <a16:creationId xmlns:a16="http://schemas.microsoft.com/office/drawing/2014/main" id="{C6B2E891-2FD5-17F0-EF43-817AEBC22D2C}"/>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67" name="Graphic 24">
                <a:extLst>
                  <a:ext uri="{FF2B5EF4-FFF2-40B4-BE49-F238E27FC236}">
                    <a16:creationId xmlns:a16="http://schemas.microsoft.com/office/drawing/2014/main" id="{5D16B804-B478-0972-57AF-5AF21D4CAD74}"/>
                  </a:ext>
                </a:extLst>
              </p:cNvPr>
              <p:cNvGrpSpPr/>
              <p:nvPr/>
            </p:nvGrpSpPr>
            <p:grpSpPr>
              <a:xfrm>
                <a:off x="2323290" y="2517060"/>
                <a:ext cx="873151" cy="873151"/>
                <a:chOff x="2323290" y="2517060"/>
                <a:chExt cx="873151" cy="873151"/>
              </a:xfrm>
            </p:grpSpPr>
            <p:sp>
              <p:nvSpPr>
                <p:cNvPr id="68" name="Freeform: Shape 67">
                  <a:extLst>
                    <a:ext uri="{FF2B5EF4-FFF2-40B4-BE49-F238E27FC236}">
                      <a16:creationId xmlns:a16="http://schemas.microsoft.com/office/drawing/2014/main" id="{909D8944-DFC5-E7F6-4489-07D3C666C951}"/>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69" name="Freeform: Shape 68">
                  <a:extLst>
                    <a:ext uri="{FF2B5EF4-FFF2-40B4-BE49-F238E27FC236}">
                      <a16:creationId xmlns:a16="http://schemas.microsoft.com/office/drawing/2014/main" id="{867E95F9-2336-1422-8C0A-469F1C172B42}"/>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
          <p:nvSpPr>
            <p:cNvPr id="62" name="!!sharingbox">
              <a:extLst>
                <a:ext uri="{FF2B5EF4-FFF2-40B4-BE49-F238E27FC236}">
                  <a16:creationId xmlns:a16="http://schemas.microsoft.com/office/drawing/2014/main" id="{CF3D55DA-C5F2-7E8A-5B20-4313D0D6FCA5}"/>
                </a:ext>
              </a:extLst>
            </p:cNvPr>
            <p:cNvSpPr/>
            <p:nvPr/>
          </p:nvSpPr>
          <p:spPr>
            <a:xfrm>
              <a:off x="5346124" y="16459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grpSp>
      <p:sp>
        <p:nvSpPr>
          <p:cNvPr id="40" name="TextBox 39">
            <a:extLst>
              <a:ext uri="{FF2B5EF4-FFF2-40B4-BE49-F238E27FC236}">
                <a16:creationId xmlns:a16="http://schemas.microsoft.com/office/drawing/2014/main" id="{1203EDC3-47BA-EFA4-A2E0-311DAE5CC556}"/>
              </a:ext>
            </a:extLst>
          </p:cNvPr>
          <p:cNvSpPr txBox="1"/>
          <p:nvPr/>
        </p:nvSpPr>
        <p:spPr>
          <a:xfrm>
            <a:off x="3923342" y="3404043"/>
            <a:ext cx="764117" cy="526619"/>
          </a:xfrm>
          <a:prstGeom prst="rect">
            <a:avLst/>
          </a:prstGeom>
          <a:noFill/>
        </p:spPr>
        <p:txBody>
          <a:bodyPr rtlCol="0" wrap="square">
            <a:spAutoFit/>
          </a:bodyPr>
          <a:lstStyle/>
          <a:p txid="ff067a1376f602a3aa116b876f0072fe">
            <a:pPr algn="ctr">
              <a:lnSpc>
                <a:spcPts val="3300"/>
              </a:lnSpc>
              <a:buClr>
                <a:srgbClr val="008CCF"/>
              </a:buClr>
            </a:pPr>
            <a:r>
              <a:rPr lang="es-ES" sz="3600">
                <a:solidFill>
                  <a:schemeClr val="tx2"/>
                </a:solidFill>
                <a:latin typeface="+mj-lt"/>
              </a:rPr>
              <a:t>+</a:t>
            </a:r>
          </a:p>
        </p:txBody>
      </p:sp>
      <p:sp>
        <p:nvSpPr>
          <p:cNvPr id="43" name="TextBox 42">
            <a:extLst>
              <a:ext uri="{FF2B5EF4-FFF2-40B4-BE49-F238E27FC236}">
                <a16:creationId xmlns:a16="http://schemas.microsoft.com/office/drawing/2014/main" id="{40A4CF75-88AE-E9BE-00D8-7FA5428F36D8}"/>
              </a:ext>
            </a:extLst>
          </p:cNvPr>
          <p:cNvSpPr txBox="1"/>
          <p:nvPr/>
        </p:nvSpPr>
        <p:spPr>
          <a:xfrm>
            <a:off x="7519059" y="3404043"/>
            <a:ext cx="764117" cy="526619"/>
          </a:xfrm>
          <a:prstGeom prst="rect">
            <a:avLst/>
          </a:prstGeom>
          <a:noFill/>
        </p:spPr>
        <p:txBody>
          <a:bodyPr rtlCol="0" wrap="square">
            <a:spAutoFit/>
          </a:bodyPr>
          <a:lstStyle/>
          <a:p txid="ff067a1376f602a3aa116b876f0072fe">
            <a:pPr algn="ctr">
              <a:lnSpc>
                <a:spcPts val="3300"/>
              </a:lnSpc>
              <a:buClr>
                <a:srgbClr val="008CCF"/>
              </a:buClr>
            </a:pPr>
            <a:r>
              <a:rPr lang="es-ES" sz="3600">
                <a:solidFill>
                  <a:schemeClr val="tx2"/>
                </a:solidFill>
                <a:latin typeface="+mj-lt"/>
              </a:rPr>
              <a:t>+</a:t>
            </a:r>
          </a:p>
        </p:txBody>
      </p:sp>
    </p:spTree>
    <p:custDataLst>
      <p:tags r:id="rId1"/>
    </p:custDataLst>
    <p:extLst>
      <p:ext uri="{BB962C8B-B14F-4D97-AF65-F5344CB8AC3E}">
        <p14:creationId xmlns:p14="http://schemas.microsoft.com/office/powerpoint/2010/main" val="3934432811"/>
      </p:ext>
    </p:extLst>
  </p:cSld>
  <p:clrMapOvr>
    <a:masterClrMapping/>
  </p:clrMapOvr>
  <mc:AlternateContent xmlns:mc="http://schemas.openxmlformats.org/markup-compatibility/2006" xmlns:p14="http://schemas.microsoft.com/office/powerpoint/2010/main">
    <mc:Choice Requires="p14">
      <p:transition advTm="27600" p14:dur="2000" spd="slow"/>
    </mc:Choice>
    <mc:Fallback xmlns="">
      <p:transition advTm="2760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id="5" nodeType="clickEffect" presetClass="entr" presetID="10" presetSubtype="0">
                                  <p:stCondLst>
                                    <p:cond delay="0"/>
                                  </p:stCondLst>
                                  <p:childTnLst>
                                    <p:set>
                                      <p:cBhvr>
                                        <p:cTn dur="1" fill="hold" id="6">
                                          <p:stCondLst>
                                            <p:cond delay="0"/>
                                          </p:stCondLst>
                                        </p:cTn>
                                        <p:tgtEl>
                                          <p:spTgt spid="23"/>
                                        </p:tgtEl>
                                        <p:attrNameLst>
                                          <p:attrName>style.visibility</p:attrName>
                                        </p:attrNameLst>
                                      </p:cBhvr>
                                      <p:to>
                                        <p:strVal val="visible"/>
                                      </p:to>
                                    </p:set>
                                    <p:animEffect filter="fade" transition="in">
                                      <p:cBhvr>
                                        <p:cTn dur="500" id="7"/>
                                        <p:tgtEl>
                                          <p:spTgt spid="23"/>
                                        </p:tgtEl>
                                      </p:cBhvr>
                                    </p:animEffect>
                                  </p:childTnLst>
                                </p:cTn>
                              </p:par>
                            </p:childTnLst>
                          </p:cTn>
                        </p:par>
                        <p:par>
                          <p:cTn fill="hold" id="8">
                            <p:stCondLst>
                              <p:cond delay="500"/>
                            </p:stCondLst>
                            <p:childTnLst>
                              <p:par>
                                <p:cTn fill="hold" grpId="0" id="9" nodeType="afterEffect" presetClass="entr" presetID="10" presetSubtype="0">
                                  <p:stCondLst>
                                    <p:cond delay="0"/>
                                  </p:stCondLst>
                                  <p:childTnLst>
                                    <p:set>
                                      <p:cBhvr>
                                        <p:cTn dur="1" fill="hold" id="10">
                                          <p:stCondLst>
                                            <p:cond delay="0"/>
                                          </p:stCondLst>
                                        </p:cTn>
                                        <p:tgtEl>
                                          <p:spTgt spid="39"/>
                                        </p:tgtEl>
                                        <p:attrNameLst>
                                          <p:attrName>style.visibility</p:attrName>
                                        </p:attrNameLst>
                                      </p:cBhvr>
                                      <p:to>
                                        <p:strVal val="visible"/>
                                      </p:to>
                                    </p:set>
                                    <p:animEffect filter="fade" transition="in">
                                      <p:cBhvr>
                                        <p:cTn dur="500" id="11"/>
                                        <p:tgtEl>
                                          <p:spTgt spid="39"/>
                                        </p:tgtEl>
                                      </p:cBhvr>
                                    </p:animEffect>
                                  </p:childTnLst>
                                </p:cTn>
                              </p:par>
                            </p:childTnLst>
                          </p:cTn>
                        </p:par>
                      </p:childTnLst>
                    </p:cTn>
                  </p:par>
                  <p:par>
                    <p:cTn fill="hold" id="12">
                      <p:stCondLst>
                        <p:cond delay="indefinite"/>
                      </p:stCondLst>
                      <p:childTnLst>
                        <p:par>
                          <p:cTn fill="hold" id="13">
                            <p:stCondLst>
                              <p:cond delay="0"/>
                            </p:stCondLst>
                            <p:childTnLst>
                              <p:par>
                                <p:cTn fill="hold" id="14" nodeType="clickEffect" presetClass="entr" presetID="10" presetSubtype="0">
                                  <p:stCondLst>
                                    <p:cond delay="0"/>
                                  </p:stCondLst>
                                  <p:childTnLst>
                                    <p:set>
                                      <p:cBhvr>
                                        <p:cTn dur="1" fill="hold" id="15">
                                          <p:stCondLst>
                                            <p:cond delay="0"/>
                                          </p:stCondLst>
                                        </p:cTn>
                                        <p:tgtEl>
                                          <p:spTgt spid="3"/>
                                        </p:tgtEl>
                                        <p:attrNameLst>
                                          <p:attrName>style.visibility</p:attrName>
                                        </p:attrNameLst>
                                      </p:cBhvr>
                                      <p:to>
                                        <p:strVal val="visible"/>
                                      </p:to>
                                    </p:set>
                                    <p:animEffect filter="fade" transition="in">
                                      <p:cBhvr>
                                        <p:cTn dur="500" id="16"/>
                                        <p:tgtEl>
                                          <p:spTgt spid="3"/>
                                        </p:tgtEl>
                                      </p:cBhvr>
                                    </p:animEffect>
                                  </p:childTnLst>
                                </p:cTn>
                              </p:par>
                              <p:par>
                                <p:cTn fill="hold" grpId="0" id="17" nodeType="withEffect" presetClass="entr" presetID="22" presetSubtype="8">
                                  <p:stCondLst>
                                    <p:cond delay="0"/>
                                  </p:stCondLst>
                                  <p:childTnLst>
                                    <p:set>
                                      <p:cBhvr>
                                        <p:cTn dur="1" fill="hold" id="18">
                                          <p:stCondLst>
                                            <p:cond delay="0"/>
                                          </p:stCondLst>
                                        </p:cTn>
                                        <p:tgtEl>
                                          <p:spTgt spid="40"/>
                                        </p:tgtEl>
                                        <p:attrNameLst>
                                          <p:attrName>style.visibility</p:attrName>
                                        </p:attrNameLst>
                                      </p:cBhvr>
                                      <p:to>
                                        <p:strVal val="visible"/>
                                      </p:to>
                                    </p:set>
                                    <p:animEffect filter="wipe(left)" transition="in">
                                      <p:cBhvr>
                                        <p:cTn dur="500" id="19"/>
                                        <p:tgtEl>
                                          <p:spTgt spid="40"/>
                                        </p:tgtEl>
                                      </p:cBhvr>
                                    </p:animEffect>
                                  </p:childTnLst>
                                </p:cTn>
                              </p:par>
                              <p:par>
                                <p:cTn fill="hold" grpId="0" id="20" nodeType="withEffect" presetClass="entr" presetID="10" presetSubtype="0">
                                  <p:stCondLst>
                                    <p:cond delay="0"/>
                                  </p:stCondLst>
                                  <p:childTnLst>
                                    <p:set>
                                      <p:cBhvr>
                                        <p:cTn dur="1" fill="hold" id="21">
                                          <p:stCondLst>
                                            <p:cond delay="0"/>
                                          </p:stCondLst>
                                        </p:cTn>
                                        <p:tgtEl>
                                          <p:spTgt spid="24"/>
                                        </p:tgtEl>
                                        <p:attrNameLst>
                                          <p:attrName>style.visibility</p:attrName>
                                        </p:attrNameLst>
                                      </p:cBhvr>
                                      <p:to>
                                        <p:strVal val="visible"/>
                                      </p:to>
                                    </p:set>
                                    <p:animEffect filter="fade" transition="in">
                                      <p:cBhvr>
                                        <p:cTn dur="500" id="22"/>
                                        <p:tgtEl>
                                          <p:spTgt spid="24"/>
                                        </p:tgtEl>
                                      </p:cBhvr>
                                    </p:animEffect>
                                  </p:childTnLst>
                                </p:cTn>
                              </p:par>
                            </p:childTnLst>
                          </p:cTn>
                        </p:par>
                      </p:childTnLst>
                    </p:cTn>
                  </p:par>
                  <p:par>
                    <p:cTn fill="hold" id="23">
                      <p:stCondLst>
                        <p:cond delay="indefinite"/>
                      </p:stCondLst>
                      <p:childTnLst>
                        <p:par>
                          <p:cTn fill="hold" id="24">
                            <p:stCondLst>
                              <p:cond delay="0"/>
                            </p:stCondLst>
                            <p:childTnLst>
                              <p:par>
                                <p:cTn fill="hold" id="25" nodeType="clickEffect" presetClass="entr" presetID="10" presetSubtype="0">
                                  <p:stCondLst>
                                    <p:cond delay="0"/>
                                  </p:stCondLst>
                                  <p:childTnLst>
                                    <p:set>
                                      <p:cBhvr>
                                        <p:cTn dur="1" fill="hold" id="26">
                                          <p:stCondLst>
                                            <p:cond delay="0"/>
                                          </p:stCondLst>
                                        </p:cTn>
                                        <p:tgtEl>
                                          <p:spTgt spid="60"/>
                                        </p:tgtEl>
                                        <p:attrNameLst>
                                          <p:attrName>style.visibility</p:attrName>
                                        </p:attrNameLst>
                                      </p:cBhvr>
                                      <p:to>
                                        <p:strVal val="visible"/>
                                      </p:to>
                                    </p:set>
                                    <p:animEffect filter="fade" transition="in">
                                      <p:cBhvr>
                                        <p:cTn dur="500" id="27"/>
                                        <p:tgtEl>
                                          <p:spTgt spid="60"/>
                                        </p:tgtEl>
                                      </p:cBhvr>
                                    </p:animEffect>
                                  </p:childTnLst>
                                </p:cTn>
                              </p:par>
                              <p:par>
                                <p:cTn fill="hold" grpId="0" id="28" nodeType="withEffect" presetClass="entr" presetID="10" presetSubtype="0">
                                  <p:stCondLst>
                                    <p:cond delay="0"/>
                                  </p:stCondLst>
                                  <p:childTnLst>
                                    <p:set>
                                      <p:cBhvr>
                                        <p:cTn dur="1" fill="hold" id="29">
                                          <p:stCondLst>
                                            <p:cond delay="0"/>
                                          </p:stCondLst>
                                        </p:cTn>
                                        <p:tgtEl>
                                          <p:spTgt spid="25"/>
                                        </p:tgtEl>
                                        <p:attrNameLst>
                                          <p:attrName>style.visibility</p:attrName>
                                        </p:attrNameLst>
                                      </p:cBhvr>
                                      <p:to>
                                        <p:strVal val="visible"/>
                                      </p:to>
                                    </p:set>
                                    <p:animEffect filter="fade" transition="in">
                                      <p:cBhvr>
                                        <p:cTn dur="500" id="30"/>
                                        <p:tgtEl>
                                          <p:spTgt spid="25"/>
                                        </p:tgtEl>
                                      </p:cBhvr>
                                    </p:animEffect>
                                  </p:childTnLst>
                                </p:cTn>
                              </p:par>
                              <p:par>
                                <p:cTn fill="hold" grpId="0" id="31" nodeType="withEffect" presetClass="entr" presetID="22" presetSubtype="8">
                                  <p:stCondLst>
                                    <p:cond delay="0"/>
                                  </p:stCondLst>
                                  <p:childTnLst>
                                    <p:set>
                                      <p:cBhvr>
                                        <p:cTn dur="1" fill="hold" id="32">
                                          <p:stCondLst>
                                            <p:cond delay="0"/>
                                          </p:stCondLst>
                                        </p:cTn>
                                        <p:tgtEl>
                                          <p:spTgt spid="43"/>
                                        </p:tgtEl>
                                        <p:attrNameLst>
                                          <p:attrName>style.visibility</p:attrName>
                                        </p:attrNameLst>
                                      </p:cBhvr>
                                      <p:to>
                                        <p:strVal val="visible"/>
                                      </p:to>
                                    </p:set>
                                    <p:animEffect filter="wipe(left)" transition="in">
                                      <p:cBhvr>
                                        <p:cTn dur="500" id="33"/>
                                        <p:tgtEl>
                                          <p:spTgt spid="4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39"/>
      <p:bldP grpId="0" spid="24"/>
      <p:bldP grpId="0" spid="25"/>
      <p:bldP grpId="0" spid="40"/>
      <p:bldP grpId="0" spid="43"/>
    </p:bldLst>
  </p:timing>
</p:sld>
</file>

<file path=ppt/slides/slide2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C81A83B1-7B03-7FE3-D644-9A037B9F1C35}"/>
              </a:ext>
            </a:extLst>
          </p:cNvPr>
          <p:cNvSpPr txBox="1"/>
          <p:nvPr/>
        </p:nvSpPr>
        <p:spPr>
          <a:xfrm>
            <a:off x="5216769" y="3270738"/>
            <a:ext cx="1042273" cy="487634"/>
          </a:xfrm>
          <a:prstGeom prst="rect">
            <a:avLst/>
          </a:prstGeom>
          <a:noFill/>
        </p:spPr>
        <p:txBody>
          <a:bodyPr rtlCol="0" wrap="none">
            <a:spAutoFit/>
          </a:bodyPr>
          <a:lstStyle/>
          <a:p txid="8a375531b9e0fe59221b32723ee99265">
            <a:pPr algn="l">
              <a:lnSpc>
                <a:spcPts val="3300"/>
              </a:lnSpc>
              <a:buClr>
                <a:srgbClr val="008CCF"/>
              </a:buClr>
            </a:pPr>
            <a:r>
              <a:rPr dirty="0" err="1" lang="fr-FR" sz="2400"/>
              <a:t>Démo</a:t>
            </a:r>
            <a:endParaRPr dirty="0" lang="fr-FR" sz="2400"/>
          </a:p>
        </p:txBody>
      </p:sp>
    </p:spTree>
    <p:custDataLst>
      <p:tags r:id="rId1"/>
    </p:custDataLst>
    <p:extLst>
      <p:ext uri="{BB962C8B-B14F-4D97-AF65-F5344CB8AC3E}">
        <p14:creationId xmlns:p14="http://schemas.microsoft.com/office/powerpoint/2010/main" val="642388594"/>
      </p:ext>
    </p:extLst>
  </p:cSld>
  <p:clrMapOvr>
    <a:masterClrMapping/>
  </p:clrMapOvr>
  <mc:AlternateContent xmlns:mc="http://schemas.openxmlformats.org/markup-compatibility/2006" xmlns:p14="http://schemas.microsoft.com/office/powerpoint/2010/main">
    <mc:Choice Requires="p14">
      <p:transition advTm="51000" p14:dur="2000" spd="slow"/>
    </mc:Choice>
    <mc:Fallback xmlns="">
      <p:transition advTm="51000" spd="slow"/>
    </mc:Fallback>
  </mc:AlternateContent>
</p:sld>
</file>

<file path=ppt/slides/slide2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9C1C77-03B8-15C5-7ED6-BBF75EB8AD01}"/>
              </a:ext>
            </a:extLst>
          </p:cNvPr>
          <p:cNvSpPr>
            <a:spLocks noGrp="1"/>
          </p:cNvSpPr>
          <p:nvPr>
            <p:ph type="title"/>
          </p:nvPr>
        </p:nvSpPr>
        <p:spPr/>
        <p:txBody>
          <a:bodyPr/>
          <a:lstStyle/>
          <a:p txid="65477a6a96c5b5abf45689bc49dd7507">
            <a:r>
              <a:rPr lang="es-ES"/>
              <a:t>Paramètres de partage dans l'application Maintenance</a:t>
            </a:r>
            <a:endParaRPr dirty="0" lang="en-NO"/>
          </a:p>
        </p:txBody>
      </p:sp>
      <p:sp>
        <p:nvSpPr>
          <p:cNvPr id="36" name="!!sharingbox">
            <a:extLst>
              <a:ext uri="{FF2B5EF4-FFF2-40B4-BE49-F238E27FC236}">
                <a16:creationId xmlns:a16="http://schemas.microsoft.com/office/drawing/2014/main" id="{215FDBD9-4606-D5E1-379D-F1650623B8FF}"/>
              </a:ext>
            </a:extLst>
          </p:cNvPr>
          <p:cNvSpPr/>
          <p:nvPr/>
        </p:nvSpPr>
        <p:spPr>
          <a:xfrm>
            <a:off x="2408025" y="177899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p txid="c1959197434308ce85fe8eeef0e9d7e4">
            <a:pPr algn="ctr"/>
            <a:r>
              <a:rPr lang="es-ES" sz="2400"/>
              <a:t>Options de catégorie</a:t>
            </a:r>
            <a:endParaRPr dirty="0" lang="en-NO" sz="2400"/>
          </a:p>
        </p:txBody>
      </p:sp>
      <p:sp>
        <p:nvSpPr>
          <p:cNvPr id="38" name="!!sharingbox">
            <a:extLst>
              <a:ext uri="{FF2B5EF4-FFF2-40B4-BE49-F238E27FC236}">
                <a16:creationId xmlns:a16="http://schemas.microsoft.com/office/drawing/2014/main" id="{1777C103-2C1F-0299-1A2B-6515843F82B1}"/>
              </a:ext>
            </a:extLst>
          </p:cNvPr>
          <p:cNvSpPr/>
          <p:nvPr/>
        </p:nvSpPr>
        <p:spPr>
          <a:xfrm>
            <a:off x="7315441" y="1778999"/>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lIns="0" rIns="0" rtlCol="0"/>
          <a:lstStyle/>
          <a:p txid="894e6c30b8354ec5e3f7561d98c30db8">
            <a:pPr algn="ctr"/>
            <a:r>
              <a:rPr lang="es-ES" sz="2400"/>
              <a:t>Ensembles de données</a:t>
            </a:r>
            <a:endParaRPr dirty="0" lang="en-NO" sz="2400"/>
          </a:p>
        </p:txBody>
      </p:sp>
      <p:sp>
        <p:nvSpPr>
          <p:cNvPr id="43" name="Right Brace 42">
            <a:extLst>
              <a:ext uri="{FF2B5EF4-FFF2-40B4-BE49-F238E27FC236}">
                <a16:creationId xmlns:a16="http://schemas.microsoft.com/office/drawing/2014/main" id="{7540DC7C-1A45-726F-A15E-26FFA371F8D3}"/>
              </a:ext>
            </a:extLst>
          </p:cNvPr>
          <p:cNvSpPr/>
          <p:nvPr/>
        </p:nvSpPr>
        <p:spPr>
          <a:xfrm rot="5400000">
            <a:off x="5915070" y="-783873"/>
            <a:ext cx="355204" cy="7191924"/>
          </a:xfrm>
          <a:prstGeom prst="rightBrace">
            <a:avLst>
              <a:gd fmla="val 64017" name="adj1"/>
              <a:gd fmla="val 50000"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6" name="TextBox 5">
            <a:extLst>
              <a:ext uri="{FF2B5EF4-FFF2-40B4-BE49-F238E27FC236}">
                <a16:creationId xmlns:a16="http://schemas.microsoft.com/office/drawing/2014/main" id="{F545F9AF-14DF-5CFE-47D2-3CB629C7CF99}"/>
              </a:ext>
            </a:extLst>
          </p:cNvPr>
          <p:cNvSpPr txBox="1"/>
          <p:nvPr/>
        </p:nvSpPr>
        <p:spPr>
          <a:xfrm>
            <a:off x="3372331" y="3201300"/>
            <a:ext cx="5447337" cy="1334020"/>
          </a:xfrm>
          <a:prstGeom prst="rect">
            <a:avLst/>
          </a:prstGeom>
          <a:noFill/>
        </p:spPr>
        <p:txBody>
          <a:bodyPr rtlCol="0" wrap="square">
            <a:spAutoFit/>
          </a:bodyPr>
          <a:lstStyle/>
          <a:p txid="bd934709798d941c71c3acd9995f381a">
            <a:pPr>
              <a:lnSpc>
                <a:spcPts val="3300"/>
              </a:lnSpc>
              <a:buClr>
                <a:srgbClr val="008CCF"/>
              </a:buClr>
            </a:pPr>
            <a:r>
              <a:rPr lang="es-ES" sz="2400">
                <a:latin typeface="+mj-lt"/>
              </a:rPr>
              <a:t>Peut saisir et visualiser</a:t>
            </a:r>
          </a:p>
          <a:p txid="2baa9858aab0b7a0e282d0d8cdb805e8">
            <a:pPr indent="-342900" marL="342900">
              <a:lnSpc>
                <a:spcPts val="3300"/>
              </a:lnSpc>
              <a:buClr>
                <a:srgbClr val="008CCF"/>
              </a:buClr>
              <a:buFont charset="0" panose="020B0604020202020204" pitchFamily="34" typeface="Arial"/>
              <a:buChar char="•"/>
            </a:pPr>
            <a:r>
              <a:rPr lang="es-ES" sz="2400"/>
              <a:t>Saisir des données dans l'ensemble de données des unités d'organisation attribuées</a:t>
            </a:r>
          </a:p>
        </p:txBody>
      </p:sp>
    </p:spTree>
    <p:custDataLst>
      <p:tags r:id="rId1"/>
    </p:custDataLst>
    <p:extLst>
      <p:ext uri="{BB962C8B-B14F-4D97-AF65-F5344CB8AC3E}">
        <p14:creationId xmlns:p14="http://schemas.microsoft.com/office/powerpoint/2010/main" val="2168541829"/>
      </p:ext>
    </p:extLst>
  </p:cSld>
  <p:clrMapOvr>
    <a:masterClrMapping/>
  </p:clrMapOvr>
  <mc:AlternateContent xmlns:mc="http://schemas.openxmlformats.org/markup-compatibility/2006" xmlns:p14="http://schemas.microsoft.com/office/powerpoint/2010/main">
    <mc:Choice Requires="p14">
      <p:transition advTm="23087" p14:dur="2000" spd="slow"/>
    </mc:Choice>
    <mc:Fallback xmlns="">
      <p:transition advTm="23087"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36"/>
                                        </p:tgtEl>
                                        <p:attrNameLst>
                                          <p:attrName>style.visibility</p:attrName>
                                        </p:attrNameLst>
                                      </p:cBhvr>
                                      <p:to>
                                        <p:strVal val="visible"/>
                                      </p:to>
                                    </p:set>
                                    <p:animEffect filter="fade" transition="in">
                                      <p:cBhvr>
                                        <p:cTn dur="500" id="7"/>
                                        <p:tgtEl>
                                          <p:spTgt spid="36"/>
                                        </p:tgtEl>
                                      </p:cBhvr>
                                    </p:animEffect>
                                  </p:childTnLst>
                                </p:cTn>
                              </p:par>
                              <p:par>
                                <p:cTn fill="hold" grpId="0" id="8" nodeType="withEffect" presetClass="entr" presetID="10" presetSubtype="0">
                                  <p:stCondLst>
                                    <p:cond delay="0"/>
                                  </p:stCondLst>
                                  <p:childTnLst>
                                    <p:set>
                                      <p:cBhvr>
                                        <p:cTn dur="1" fill="hold" id="9">
                                          <p:stCondLst>
                                            <p:cond delay="0"/>
                                          </p:stCondLst>
                                        </p:cTn>
                                        <p:tgtEl>
                                          <p:spTgt spid="38"/>
                                        </p:tgtEl>
                                        <p:attrNameLst>
                                          <p:attrName>style.visibility</p:attrName>
                                        </p:attrNameLst>
                                      </p:cBhvr>
                                      <p:to>
                                        <p:strVal val="visible"/>
                                      </p:to>
                                    </p:set>
                                    <p:animEffect filter="fade" transition="in">
                                      <p:cBhvr>
                                        <p:cTn dur="500" id="10"/>
                                        <p:tgtEl>
                                          <p:spTgt spid="38"/>
                                        </p:tgtEl>
                                      </p:cBhvr>
                                    </p:animEffect>
                                  </p:childTnLst>
                                </p:cTn>
                              </p:par>
                            </p:childTnLst>
                          </p:cTn>
                        </p:par>
                      </p:childTnLst>
                    </p:cTn>
                  </p:par>
                  <p:par>
                    <p:cTn fill="hold" id="11">
                      <p:stCondLst>
                        <p:cond delay="indefinite"/>
                      </p:stCondLst>
                      <p:childTnLst>
                        <p:par>
                          <p:cTn fill="hold" id="12">
                            <p:stCondLst>
                              <p:cond delay="0"/>
                            </p:stCondLst>
                            <p:childTnLst>
                              <p:par>
                                <p:cTn fill="hold" grpId="0" id="13" nodeType="clickEffect" presetClass="entr" presetID="22" presetSubtype="1">
                                  <p:stCondLst>
                                    <p:cond delay="0"/>
                                  </p:stCondLst>
                                  <p:childTnLst>
                                    <p:set>
                                      <p:cBhvr>
                                        <p:cTn dur="1" fill="hold" id="14">
                                          <p:stCondLst>
                                            <p:cond delay="0"/>
                                          </p:stCondLst>
                                        </p:cTn>
                                        <p:tgtEl>
                                          <p:spTgt spid="43"/>
                                        </p:tgtEl>
                                        <p:attrNameLst>
                                          <p:attrName>style.visibility</p:attrName>
                                        </p:attrNameLst>
                                      </p:cBhvr>
                                      <p:to>
                                        <p:strVal val="visible"/>
                                      </p:to>
                                    </p:set>
                                    <p:animEffect filter="wipe(up)" transition="in">
                                      <p:cBhvr>
                                        <p:cTn dur="500" id="15"/>
                                        <p:tgtEl>
                                          <p:spTgt spid="43"/>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6"/>
                                        </p:tgtEl>
                                        <p:attrNameLst>
                                          <p:attrName>style.visibility</p:attrName>
                                        </p:attrNameLst>
                                      </p:cBhvr>
                                      <p:to>
                                        <p:strVal val="visible"/>
                                      </p:to>
                                    </p:set>
                                    <p:animEffect filter="fade" transition="in">
                                      <p:cBhvr>
                                        <p:cTn dur="500" id="20"/>
                                        <p:tgtEl>
                                          <p:spTgt spid="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36"/>
      <p:bldP animBg="1" grpId="0" spid="38"/>
      <p:bldP animBg="1" grpId="0" spid="43"/>
      <p:bldP grpId="0" spid="6"/>
    </p:bldLst>
  </p:timing>
</p:sld>
</file>

<file path=ppt/slides/slide3.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6" name="TextBox 15">
            <a:extLst>
              <a:ext uri="{FF2B5EF4-FFF2-40B4-BE49-F238E27FC236}">
                <a16:creationId xmlns:a16="http://schemas.microsoft.com/office/drawing/2014/main" id="{FAC91050-B90A-260E-A68B-194EEBDC501D}"/>
              </a:ext>
            </a:extLst>
          </p:cNvPr>
          <p:cNvSpPr txBox="1"/>
          <p:nvPr/>
        </p:nvSpPr>
        <p:spPr>
          <a:xfrm>
            <a:off x="8283388" y="5351929"/>
            <a:ext cx="530915" cy="461665"/>
          </a:xfrm>
          <a:prstGeom prst="rect">
            <a:avLst/>
          </a:prstGeom>
          <a:noFill/>
        </p:spPr>
        <p:txBody>
          <a:bodyPr rtlCol="0" wrap="none">
            <a:spAutoFit/>
          </a:bodyPr>
          <a:lstStyle/>
          <a:p>
            <a:pPr algn="l" indent="-342900" marL="342900">
              <a:buClr>
                <a:srgbClr val="008CCF"/>
              </a:buClr>
              <a:buFont charset="-79" pitchFamily="2" typeface="Rubik"/>
              <a:buChar char="•"/>
            </a:pPr>
            <a:endParaRPr dirty="0" lang="en-NO" sz="2400"/>
          </a:p>
        </p:txBody>
      </p:sp>
      <p:sp>
        <p:nvSpPr>
          <p:cNvPr id="4" name="TextBox 3">
            <a:extLst>
              <a:ext uri="{FF2B5EF4-FFF2-40B4-BE49-F238E27FC236}">
                <a16:creationId xmlns:a16="http://schemas.microsoft.com/office/drawing/2014/main" id="{5B4A5A3B-A726-CE88-F547-9F816E5A87DE}"/>
              </a:ext>
            </a:extLst>
          </p:cNvPr>
          <p:cNvSpPr txBox="1"/>
          <p:nvPr/>
        </p:nvSpPr>
        <p:spPr>
          <a:xfrm>
            <a:off x="6944626" y="2493706"/>
            <a:ext cx="3834209" cy="2603598"/>
          </a:xfrm>
          <a:prstGeom prst="rect">
            <a:avLst/>
          </a:prstGeom>
          <a:noFill/>
        </p:spPr>
        <p:txBody>
          <a:bodyPr lIns="0" rIns="0" rtlCol="0" wrap="square">
            <a:spAutoFit/>
          </a:bodyPr>
          <a:lstStyle/>
          <a:p txid="38bbd451ecdb6f45603964f4b3d71b2e">
            <a:pPr algn="l">
              <a:lnSpc>
                <a:spcPts val="3300"/>
              </a:lnSpc>
              <a:buClr>
                <a:srgbClr val="008CCF"/>
              </a:buClr>
            </a:pPr>
            <a:r>
              <a:rPr lang="es-ES" sz="2400"/>
              <a:t>Qui peut accéder aux</a:t>
            </a:r>
            <a:r>
              <a:rPr lang="en-NO" sz="2400"/>
            </a:r>
            <a:r>
              <a:rPr dirty="0" lang="en-NO" sz="2400"/>
            </a:r>
            <a:r>
              <a:rPr lang="en-NO" sz="2400"/>
            </a:r>
            <a:r>
              <a:rPr lang="es-ES" sz="2400"/>
            </a:r>
            <a:endParaRPr dirty="0" lang="en-NO" sz="2400"/>
          </a:p>
          <a:p txid="bc32171ed65d7f6e99f4ba9b0fc65f81">
            <a:pPr indent="-342900" lvl="1" marL="800100">
              <a:lnSpc>
                <a:spcPts val="3300"/>
              </a:lnSpc>
              <a:buClr>
                <a:srgbClr val="008CCF"/>
              </a:buClr>
              <a:buFont charset="-79" pitchFamily="2" typeface="Rubik"/>
              <a:buChar char="•"/>
            </a:pPr>
            <a:r>
              <a:rPr dirty="0" lang="en-NO" sz="2400"/>
              <a:t>Données</a:t>
            </a:r>
          </a:p>
          <a:p txid="1cf002294e1b43f5e3e60d3b8b282010">
            <a:pPr indent="-342900" lvl="1" marL="800100">
              <a:lnSpc>
                <a:spcPts val="3300"/>
              </a:lnSpc>
              <a:buClr>
                <a:srgbClr val="008CCF"/>
              </a:buClr>
              <a:buFont charset="-79" pitchFamily="2" typeface="Rubik"/>
              <a:buChar char="•"/>
            </a:pPr>
            <a:r>
              <a:rPr dirty="0" lang="en-US" sz="2400"/>
              <a:t>Métadonnées</a:t>
            </a:r>
            <a:r>
              <a:rPr dirty="0" lang="en-NO" sz="2400"/>
            </a:r>
          </a:p>
          <a:p txid="a54b6d384f19dc1c487bc8b959be861a">
            <a:pPr indent="-342900" lvl="2" marL="1257300">
              <a:lnSpc>
                <a:spcPts val="3300"/>
              </a:lnSpc>
              <a:buClr>
                <a:srgbClr val="008CCF"/>
              </a:buClr>
              <a:buFont charset="-79" pitchFamily="2" typeface="Rubik"/>
              <a:buChar char="•"/>
            </a:pPr>
            <a:r>
              <a:rPr dirty="0" lang="en-NO" sz="2400"/>
              <a:t>Éléments de données</a:t>
            </a:r>
          </a:p>
          <a:p txid="681230c4cc213136176e9d768f9f8662">
            <a:pPr indent="-342900" lvl="2" marL="1257300">
              <a:lnSpc>
                <a:spcPts val="3300"/>
              </a:lnSpc>
              <a:buClr>
                <a:srgbClr val="008CCF"/>
              </a:buClr>
              <a:buFont charset="-79" pitchFamily="2" typeface="Rubik"/>
              <a:buChar char="•"/>
            </a:pPr>
            <a:r>
              <a:rPr dirty="0" lang="en-NO" sz="2400"/>
              <a:t>Catégories</a:t>
            </a:r>
          </a:p>
          <a:p txid="96331ced480f97e642f75ee68af9383f">
            <a:pPr indent="-342900" lvl="2" marL="1257300">
              <a:lnSpc>
                <a:spcPts val="3300"/>
              </a:lnSpc>
              <a:buClr>
                <a:srgbClr val="008CCF"/>
              </a:buClr>
              <a:buFont charset="-79" pitchFamily="2" typeface="Rubik"/>
              <a:buChar char="•"/>
            </a:pPr>
            <a:r>
              <a:rPr dirty="0" lang="en-NO" sz="2400"/>
              <a:t>Ensembles de données</a:t>
            </a:r>
          </a:p>
        </p:txBody>
      </p:sp>
      <p:sp>
        <p:nvSpPr>
          <p:cNvPr id="25" name="!!sharingbox">
            <a:extLst>
              <a:ext uri="{FF2B5EF4-FFF2-40B4-BE49-F238E27FC236}">
                <a16:creationId xmlns:a16="http://schemas.microsoft.com/office/drawing/2014/main" id="{96D2DA82-78D8-7D72-8DC2-3DB041D8A612}"/>
              </a:ext>
            </a:extLst>
          </p:cNvPr>
          <p:cNvSpPr/>
          <p:nvPr/>
        </p:nvSpPr>
        <p:spPr>
          <a:xfrm>
            <a:off x="2849520" y="1526280"/>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sp>
        <p:nvSpPr>
          <p:cNvPr id="26" name="TextBox 25">
            <a:extLst>
              <a:ext uri="{FF2B5EF4-FFF2-40B4-BE49-F238E27FC236}">
                <a16:creationId xmlns:a16="http://schemas.microsoft.com/office/drawing/2014/main" id="{21F7647B-CD69-10FC-771F-30CAED5F506A}"/>
              </a:ext>
            </a:extLst>
          </p:cNvPr>
          <p:cNvSpPr txBox="1"/>
          <p:nvPr/>
        </p:nvSpPr>
        <p:spPr>
          <a:xfrm>
            <a:off x="6646718" y="1584710"/>
            <a:ext cx="3449782" cy="461665"/>
          </a:xfrm>
          <a:prstGeom prst="rect">
            <a:avLst/>
          </a:prstGeom>
          <a:noFill/>
        </p:spPr>
        <p:txBody>
          <a:bodyPr rtlCol="0" wrap="square">
            <a:spAutoFit/>
          </a:bodyPr>
          <a:lstStyle/>
          <a:p txid="0096aaa9a12b31a1b2a070d9572680af">
            <a:pPr algn="ctr">
              <a:buClr>
                <a:srgbClr val="008CCF"/>
              </a:buClr>
            </a:pPr>
            <a:r>
              <a:rPr lang="es-ES" sz="2400"/>
              <a:t>Contrôle d'accès</a:t>
            </a:r>
          </a:p>
        </p:txBody>
      </p:sp>
      <p:pic>
        <p:nvPicPr>
          <p:cNvPr descr="Arrow: Straight with solid fill" id="27" name="Graphic 26">
            <a:extLst>
              <a:ext uri="{FF2B5EF4-FFF2-40B4-BE49-F238E27FC236}">
                <a16:creationId xmlns:a16="http://schemas.microsoft.com/office/drawing/2014/main" id="{3C04262A-5080-6D1B-11A4-9D27B7E007D7}"/>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flipH="1">
            <a:off x="5732318" y="1389120"/>
            <a:ext cx="914400" cy="914400"/>
          </a:xfrm>
          <a:prstGeom prst="rect">
            <a:avLst/>
          </a:prstGeom>
        </p:spPr>
      </p:pic>
      <p:grpSp>
        <p:nvGrpSpPr>
          <p:cNvPr id="28" name="!!sharing">
            <a:extLst>
              <a:ext uri="{FF2B5EF4-FFF2-40B4-BE49-F238E27FC236}">
                <a16:creationId xmlns:a16="http://schemas.microsoft.com/office/drawing/2014/main" id="{B85D7D2B-B45E-45C3-3A0F-50DDB38F60CA}"/>
              </a:ext>
            </a:extLst>
          </p:cNvPr>
          <p:cNvGrpSpPr/>
          <p:nvPr/>
        </p:nvGrpSpPr>
        <p:grpSpPr>
          <a:xfrm>
            <a:off x="3134018" y="2524812"/>
            <a:ext cx="2062611" cy="2218948"/>
            <a:chOff x="1333500" y="1969731"/>
            <a:chExt cx="1862941" cy="2004144"/>
          </a:xfrm>
        </p:grpSpPr>
        <p:sp>
          <p:nvSpPr>
            <p:cNvPr id="29" name="Freeform 22">
              <a:extLst>
                <a:ext uri="{FF2B5EF4-FFF2-40B4-BE49-F238E27FC236}">
                  <a16:creationId xmlns:a16="http://schemas.microsoft.com/office/drawing/2014/main" id="{09EED00D-CA7E-D306-5471-3306F602BCD4}"/>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30" name="Group 29">
              <a:extLst>
                <a:ext uri="{FF2B5EF4-FFF2-40B4-BE49-F238E27FC236}">
                  <a16:creationId xmlns:a16="http://schemas.microsoft.com/office/drawing/2014/main" id="{01FACCB2-0F41-DD01-6DD0-27672728EBB2}"/>
                </a:ext>
              </a:extLst>
            </p:cNvPr>
            <p:cNvGrpSpPr/>
            <p:nvPr/>
          </p:nvGrpSpPr>
          <p:grpSpPr>
            <a:xfrm>
              <a:off x="1746057" y="1969731"/>
              <a:ext cx="923284" cy="861233"/>
              <a:chOff x="2866244" y="2493706"/>
              <a:chExt cx="1072382" cy="1000311"/>
            </a:xfrm>
          </p:grpSpPr>
          <p:sp>
            <p:nvSpPr>
              <p:cNvPr id="38" name="Freeform 23">
                <a:extLst>
                  <a:ext uri="{FF2B5EF4-FFF2-40B4-BE49-F238E27FC236}">
                    <a16:creationId xmlns:a16="http://schemas.microsoft.com/office/drawing/2014/main" id="{8F2DDD39-C6E2-D576-3292-A2E899368460}"/>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9" name="Freeform 24">
                <a:extLst>
                  <a:ext uri="{FF2B5EF4-FFF2-40B4-BE49-F238E27FC236}">
                    <a16:creationId xmlns:a16="http://schemas.microsoft.com/office/drawing/2014/main" id="{E2B3F300-CF5E-7B1B-9A23-7B1E138C3B05}"/>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31" name="Group 30">
              <a:extLst>
                <a:ext uri="{FF2B5EF4-FFF2-40B4-BE49-F238E27FC236}">
                  <a16:creationId xmlns:a16="http://schemas.microsoft.com/office/drawing/2014/main" id="{23BF76D2-20A3-188C-9F8C-114695038853}"/>
                </a:ext>
              </a:extLst>
            </p:cNvPr>
            <p:cNvGrpSpPr/>
            <p:nvPr/>
          </p:nvGrpSpPr>
          <p:grpSpPr>
            <a:xfrm>
              <a:off x="1784364" y="3136309"/>
              <a:ext cx="846670" cy="837566"/>
              <a:chOff x="3040063" y="3848672"/>
              <a:chExt cx="983396" cy="972822"/>
            </a:xfrm>
          </p:grpSpPr>
          <p:sp>
            <p:nvSpPr>
              <p:cNvPr id="36" name="Freeform 28">
                <a:extLst>
                  <a:ext uri="{FF2B5EF4-FFF2-40B4-BE49-F238E27FC236}">
                    <a16:creationId xmlns:a16="http://schemas.microsoft.com/office/drawing/2014/main" id="{BC2E5849-6720-9F6B-338E-DF12A4DD82C6}"/>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7" name="Freeform 29">
                <a:extLst>
                  <a:ext uri="{FF2B5EF4-FFF2-40B4-BE49-F238E27FC236}">
                    <a16:creationId xmlns:a16="http://schemas.microsoft.com/office/drawing/2014/main" id="{F361BF7B-B843-1ECA-E887-7004C9AE4B0A}"/>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32" name="Freeform: Shape 31">
              <a:extLst>
                <a:ext uri="{FF2B5EF4-FFF2-40B4-BE49-F238E27FC236}">
                  <a16:creationId xmlns:a16="http://schemas.microsoft.com/office/drawing/2014/main" id="{EC4A4EE3-9C25-08D7-37B2-64A9D47A1E7B}"/>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33" name="Graphic 24">
              <a:extLst>
                <a:ext uri="{FF2B5EF4-FFF2-40B4-BE49-F238E27FC236}">
                  <a16:creationId xmlns:a16="http://schemas.microsoft.com/office/drawing/2014/main" id="{0864F20B-9793-0F93-A904-79F26EB2FAD6}"/>
                </a:ext>
              </a:extLst>
            </p:cNvPr>
            <p:cNvGrpSpPr/>
            <p:nvPr/>
          </p:nvGrpSpPr>
          <p:grpSpPr>
            <a:xfrm>
              <a:off x="2323290" y="2517060"/>
              <a:ext cx="873151" cy="873151"/>
              <a:chOff x="2323290" y="2517060"/>
              <a:chExt cx="873151" cy="873151"/>
            </a:xfrm>
          </p:grpSpPr>
          <p:sp>
            <p:nvSpPr>
              <p:cNvPr id="34" name="Freeform: Shape 33">
                <a:extLst>
                  <a:ext uri="{FF2B5EF4-FFF2-40B4-BE49-F238E27FC236}">
                    <a16:creationId xmlns:a16="http://schemas.microsoft.com/office/drawing/2014/main" id="{6A1415BE-52A8-A6CA-BDD6-1127B6033C57}"/>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35" name="Freeform: Shape 34">
                <a:extLst>
                  <a:ext uri="{FF2B5EF4-FFF2-40B4-BE49-F238E27FC236}">
                    <a16:creationId xmlns:a16="http://schemas.microsoft.com/office/drawing/2014/main" id="{D11D150C-57F2-6A5E-2A0E-AC63AEAA92FD}"/>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Tree>
    <p:custDataLst>
      <p:tags r:id="rId1"/>
    </p:custDataLst>
    <p:extLst>
      <p:ext uri="{BB962C8B-B14F-4D97-AF65-F5344CB8AC3E}">
        <p14:creationId xmlns:p14="http://schemas.microsoft.com/office/powerpoint/2010/main" val="3618855588"/>
      </p:ext>
    </p:extLst>
  </p:cSld>
  <p:clrMapOvr>
    <a:masterClrMapping/>
  </p:clrMapOvr>
  <mc:AlternateContent xmlns:mc="http://schemas.openxmlformats.org/markup-compatibility/2006" xmlns:p159="http://schemas.microsoft.com/office/powerpoint/2015/09/main">
    <mc:Choice Requires="p159">
      <p:transition advTm="11077" spd="slow">
        <p159:morph option="byObject"/>
      </p:transition>
    </mc:Choice>
    <mc:Fallback xmlns="">
      <p:transition advTm="11077" spd="slow">
        <p:fade/>
      </p:transition>
    </mc:Fallback>
  </mc:AlternateContent>
  <p:timing>
    <p:tnLst>
      <p:par>
        <p:cTn dur="indefinite" id="1" nodeType="tmRoot" restart="never">
          <p:childTnLst>
            <p:seq concurrent="1" nextAc="seek">
              <p:cTn dur="indefinite" id="2" nodeType="mainSeq">
                <p:childTnLst>
                  <p:par>
                    <p:cTn fill="hold" id="3">
                      <p:stCondLst>
                        <p:cond delay="indefinite"/>
                        <p:cond delay="0" evt="onBegin">
                          <p:tn val="2"/>
                        </p:cond>
                      </p:stCondLst>
                      <p:childTnLst>
                        <p:par>
                          <p:cTn fill="hold" id="4">
                            <p:stCondLst>
                              <p:cond delay="0"/>
                            </p:stCondLst>
                            <p:childTnLst>
                              <p:par>
                                <p:cTn fill="hold" grpId="0" id="5" nodeType="afterEffect" presetClass="entr" presetID="10" presetSubtype="0">
                                  <p:stCondLst>
                                    <p:cond delay="0"/>
                                  </p:stCondLst>
                                  <p:childTnLst>
                                    <p:set>
                                      <p:cBhvr>
                                        <p:cTn dur="1" fill="hold" id="6">
                                          <p:stCondLst>
                                            <p:cond delay="0"/>
                                          </p:stCondLst>
                                        </p:cTn>
                                        <p:tgtEl>
                                          <p:spTgt spid="26"/>
                                        </p:tgtEl>
                                        <p:attrNameLst>
                                          <p:attrName>style.visibility</p:attrName>
                                        </p:attrNameLst>
                                      </p:cBhvr>
                                      <p:to>
                                        <p:strVal val="visible"/>
                                      </p:to>
                                    </p:set>
                                    <p:animEffect filter="fade" transition="in">
                                      <p:cBhvr>
                                        <p:cTn dur="500" id="7"/>
                                        <p:tgtEl>
                                          <p:spTgt spid="26"/>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0" st="0"/>
                                            </p:txEl>
                                          </p:spTgt>
                                        </p:tgtEl>
                                        <p:attrNameLst>
                                          <p:attrName>style.visibility</p:attrName>
                                        </p:attrNameLst>
                                      </p:cBhvr>
                                      <p:to>
                                        <p:strVal val="visible"/>
                                      </p:to>
                                    </p:set>
                                    <p:animEffect filter="fade" transition="in">
                                      <p:cBhvr>
                                        <p:cTn dur="500" id="12"/>
                                        <p:tgtEl>
                                          <p:spTgt spid="4">
                                            <p:txEl>
                                              <p:pRg end="0" st="0"/>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4">
                                            <p:txEl>
                                              <p:pRg end="1" st="1"/>
                                            </p:txEl>
                                          </p:spTgt>
                                        </p:tgtEl>
                                        <p:attrNameLst>
                                          <p:attrName>style.visibility</p:attrName>
                                        </p:attrNameLst>
                                      </p:cBhvr>
                                      <p:to>
                                        <p:strVal val="visible"/>
                                      </p:to>
                                    </p:set>
                                    <p:animEffect filter="fade" transition="in">
                                      <p:cBhvr>
                                        <p:cTn dur="500" id="17"/>
                                        <p:tgtEl>
                                          <p:spTgt spid="4">
                                            <p:txEl>
                                              <p:pRg end="1" st="1"/>
                                            </p:txEl>
                                          </p:spTgt>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4">
                                            <p:txEl>
                                              <p:pRg end="2" st="2"/>
                                            </p:txEl>
                                          </p:spTgt>
                                        </p:tgtEl>
                                        <p:attrNameLst>
                                          <p:attrName>style.visibility</p:attrName>
                                        </p:attrNameLst>
                                      </p:cBhvr>
                                      <p:to>
                                        <p:strVal val="visible"/>
                                      </p:to>
                                    </p:set>
                                    <p:animEffect filter="fade" transition="in">
                                      <p:cBhvr>
                                        <p:cTn dur="500" id="22"/>
                                        <p:tgtEl>
                                          <p:spTgt spid="4">
                                            <p:txEl>
                                              <p:pRg end="2" st="2"/>
                                            </p:txEl>
                                          </p:spTgt>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4">
                                            <p:txEl>
                                              <p:pRg end="3" st="3"/>
                                            </p:txEl>
                                          </p:spTgt>
                                        </p:tgtEl>
                                        <p:attrNameLst>
                                          <p:attrName>style.visibility</p:attrName>
                                        </p:attrNameLst>
                                      </p:cBhvr>
                                      <p:to>
                                        <p:strVal val="visible"/>
                                      </p:to>
                                    </p:set>
                                    <p:animEffect filter="fade" transition="in">
                                      <p:cBhvr>
                                        <p:cTn dur="500" id="27"/>
                                        <p:tgtEl>
                                          <p:spTgt spid="4">
                                            <p:txEl>
                                              <p:pRg end="3" st="3"/>
                                            </p:txEl>
                                          </p:spTgt>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4">
                                            <p:txEl>
                                              <p:pRg end="4" st="4"/>
                                            </p:txEl>
                                          </p:spTgt>
                                        </p:tgtEl>
                                        <p:attrNameLst>
                                          <p:attrName>style.visibility</p:attrName>
                                        </p:attrNameLst>
                                      </p:cBhvr>
                                      <p:to>
                                        <p:strVal val="visible"/>
                                      </p:to>
                                    </p:set>
                                    <p:animEffect filter="fade" transition="in">
                                      <p:cBhvr>
                                        <p:cTn dur="500" id="32"/>
                                        <p:tgtEl>
                                          <p:spTgt spid="4">
                                            <p:txEl>
                                              <p:pRg end="4" st="4"/>
                                            </p:txEl>
                                          </p:spTgt>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4">
                                            <p:txEl>
                                              <p:pRg end="5" st="5"/>
                                            </p:txEl>
                                          </p:spTgt>
                                        </p:tgtEl>
                                        <p:attrNameLst>
                                          <p:attrName>style.visibility</p:attrName>
                                        </p:attrNameLst>
                                      </p:cBhvr>
                                      <p:to>
                                        <p:strVal val="visible"/>
                                      </p:to>
                                    </p:set>
                                    <p:animEffect filter="fade" transition="in">
                                      <p:cBhvr>
                                        <p:cTn dur="500" id="37"/>
                                        <p:tgtEl>
                                          <p:spTgt spid="4">
                                            <p:txEl>
                                              <p:pRg end="5" st="5"/>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P grpId="0" spid="26"/>
    </p:bldLst>
  </p:timing>
</p:sld>
</file>

<file path=ppt/slides/slide30.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329C24E-F9CE-6982-D5FD-37B596CB9FFD}"/>
              </a:ext>
            </a:extLst>
          </p:cNvPr>
          <p:cNvSpPr>
            <a:spLocks noGrp="1"/>
          </p:cNvSpPr>
          <p:nvPr>
            <p:ph type="title"/>
          </p:nvPr>
        </p:nvSpPr>
        <p:spPr/>
        <p:txBody>
          <a:bodyPr/>
          <a:lstStyle/>
          <a:p txid="a2f492fbd1d95e373a0ff36a8359f012">
            <a:r>
              <a:rPr dirty="0" lang="en-NO"/>
              <a:t>En résumé</a:t>
            </a:r>
          </a:p>
        </p:txBody>
      </p:sp>
      <p:sp>
        <p:nvSpPr>
          <p:cNvPr id="21" name="TextBox 20">
            <a:extLst>
              <a:ext uri="{FF2B5EF4-FFF2-40B4-BE49-F238E27FC236}">
                <a16:creationId xmlns:a16="http://schemas.microsoft.com/office/drawing/2014/main" id="{92A6F22E-2349-4B54-2F00-EEB38536771A}"/>
              </a:ext>
            </a:extLst>
          </p:cNvPr>
          <p:cNvSpPr txBox="1"/>
          <p:nvPr/>
        </p:nvSpPr>
        <p:spPr>
          <a:xfrm>
            <a:off x="3358431" y="1295400"/>
            <a:ext cx="5462105" cy="487634"/>
          </a:xfrm>
          <a:prstGeom prst="rect">
            <a:avLst/>
          </a:prstGeom>
          <a:noFill/>
        </p:spPr>
        <p:txBody>
          <a:bodyPr rtlCol="0" wrap="square">
            <a:spAutoFit/>
          </a:bodyPr>
          <a:lstStyle/>
          <a:p txid="e5038f2f5c20d73c0abac31ae3894bd7">
            <a:pPr algn="ctr">
              <a:lnSpc>
                <a:spcPts val="3300"/>
              </a:lnSpc>
              <a:buClr>
                <a:srgbClr val="008CCF"/>
              </a:buClr>
            </a:pPr>
            <a:r>
              <a:rPr lang="es-ES" sz="2400"/>
              <a:t>3 niveaux de contrôle d'accès dans DHIS2</a:t>
            </a:r>
          </a:p>
        </p:txBody>
      </p:sp>
      <p:sp>
        <p:nvSpPr>
          <p:cNvPr id="24" name="!!sharingbox">
            <a:extLst>
              <a:ext uri="{FF2B5EF4-FFF2-40B4-BE49-F238E27FC236}">
                <a16:creationId xmlns:a16="http://schemas.microsoft.com/office/drawing/2014/main" id="{095A8EAD-FF6D-F4C3-0CD7-3AC52328AD6F}"/>
              </a:ext>
            </a:extLst>
          </p:cNvPr>
          <p:cNvSpPr/>
          <p:nvPr/>
        </p:nvSpPr>
        <p:spPr>
          <a:xfrm>
            <a:off x="1333498" y="437307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sp>
        <p:nvSpPr>
          <p:cNvPr id="25" name="userbox">
            <a:extLst>
              <a:ext uri="{FF2B5EF4-FFF2-40B4-BE49-F238E27FC236}">
                <a16:creationId xmlns:a16="http://schemas.microsoft.com/office/drawing/2014/main" id="{679D656C-AFDE-CA67-672D-9D146A751671}"/>
              </a:ext>
            </a:extLst>
          </p:cNvPr>
          <p:cNvSpPr/>
          <p:nvPr/>
        </p:nvSpPr>
        <p:spPr>
          <a:xfrm>
            <a:off x="1333500" y="188221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sp>
        <p:nvSpPr>
          <p:cNvPr id="26" name="orgunitbox">
            <a:extLst>
              <a:ext uri="{FF2B5EF4-FFF2-40B4-BE49-F238E27FC236}">
                <a16:creationId xmlns:a16="http://schemas.microsoft.com/office/drawing/2014/main" id="{6C045618-FEDA-2447-EC75-FCCC92E0860E}"/>
              </a:ext>
            </a:extLst>
          </p:cNvPr>
          <p:cNvSpPr/>
          <p:nvPr/>
        </p:nvSpPr>
        <p:spPr>
          <a:xfrm>
            <a:off x="1333499" y="312764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8ee409b56c1b32d5f0c7e7c0396d3315">
            <a:pPr algn="ctr"/>
            <a:r>
              <a:rPr lang="es-ES" sz="2400"/>
              <a:t>Attribution des unités d'organisation</a:t>
            </a:r>
            <a:endParaRPr dirty="0" lang="en-NO" sz="2400"/>
          </a:p>
        </p:txBody>
      </p:sp>
      <p:sp>
        <p:nvSpPr>
          <p:cNvPr id="27" name="TextBox 26">
            <a:extLst>
              <a:ext uri="{FF2B5EF4-FFF2-40B4-BE49-F238E27FC236}">
                <a16:creationId xmlns:a16="http://schemas.microsoft.com/office/drawing/2014/main" id="{9953CE65-3637-6748-9AC1-AAB7B6E66F81}"/>
              </a:ext>
            </a:extLst>
          </p:cNvPr>
          <p:cNvSpPr txBox="1"/>
          <p:nvPr/>
        </p:nvSpPr>
        <p:spPr>
          <a:xfrm>
            <a:off x="4108506" y="1786758"/>
            <a:ext cx="2631607" cy="830997"/>
          </a:xfrm>
          <a:prstGeom prst="rect">
            <a:avLst/>
          </a:prstGeom>
          <a:noFill/>
        </p:spPr>
        <p:txBody>
          <a:bodyPr rtlCol="0" wrap="square">
            <a:spAutoFit/>
          </a:bodyPr>
          <a:lstStyle/>
          <a:p txid="9122aa0152e07bbc869e173da67ada78">
            <a:pPr algn="l">
              <a:buClr>
                <a:srgbClr val="008CCF"/>
              </a:buClr>
            </a:pPr>
            <a:r>
              <a:rPr lang="es-ES" sz="2400"/>
              <a:t>Accès aux applications</a:t>
            </a:r>
          </a:p>
        </p:txBody>
      </p:sp>
      <p:sp>
        <p:nvSpPr>
          <p:cNvPr id="28" name="TextBox 27">
            <a:extLst>
              <a:ext uri="{FF2B5EF4-FFF2-40B4-BE49-F238E27FC236}">
                <a16:creationId xmlns:a16="http://schemas.microsoft.com/office/drawing/2014/main" id="{6C75CBC1-4C17-752B-A382-07C86C1FBAF6}"/>
              </a:ext>
            </a:extLst>
          </p:cNvPr>
          <p:cNvSpPr txBox="1"/>
          <p:nvPr/>
        </p:nvSpPr>
        <p:spPr>
          <a:xfrm>
            <a:off x="4108506" y="2847523"/>
            <a:ext cx="2631607" cy="1200329"/>
          </a:xfrm>
          <a:prstGeom prst="rect">
            <a:avLst/>
          </a:prstGeom>
          <a:noFill/>
        </p:spPr>
        <p:txBody>
          <a:bodyPr rtlCol="0" wrap="square">
            <a:spAutoFit/>
          </a:bodyPr>
          <a:lstStyle/>
          <a:p txid="c26a3442283fdfcaf2a9cf90a86c0a2e">
            <a:pPr algn="l">
              <a:buClr>
                <a:srgbClr val="008CCF"/>
              </a:buClr>
            </a:pPr>
            <a:r>
              <a:rPr lang="es-ES" sz="2400"/>
              <a:t>Accès à la hiérarchie organisationnelle</a:t>
            </a:r>
          </a:p>
        </p:txBody>
      </p:sp>
      <p:sp>
        <p:nvSpPr>
          <p:cNvPr id="29" name="TextBox 28">
            <a:extLst>
              <a:ext uri="{FF2B5EF4-FFF2-40B4-BE49-F238E27FC236}">
                <a16:creationId xmlns:a16="http://schemas.microsoft.com/office/drawing/2014/main" id="{99B669F5-B5BB-7F18-4627-922E948AC3D8}"/>
              </a:ext>
            </a:extLst>
          </p:cNvPr>
          <p:cNvSpPr txBox="1"/>
          <p:nvPr/>
        </p:nvSpPr>
        <p:spPr>
          <a:xfrm>
            <a:off x="4045115" y="4277621"/>
            <a:ext cx="3079860" cy="830997"/>
          </a:xfrm>
          <a:prstGeom prst="rect">
            <a:avLst/>
          </a:prstGeom>
          <a:noFill/>
        </p:spPr>
        <p:txBody>
          <a:bodyPr rtlCol="0" wrap="square">
            <a:spAutoFit/>
          </a:bodyPr>
          <a:lstStyle/>
          <a:p txid="fac067ee4fb59d773297bd7ced460738">
            <a:pPr algn="l">
              <a:buClr>
                <a:srgbClr val="008CCF"/>
              </a:buClr>
            </a:pPr>
            <a:r>
              <a:rPr lang="es-ES" sz="2400"/>
              <a:t>Accès à des métadonnées et données spécifiques</a:t>
            </a:r>
          </a:p>
        </p:txBody>
      </p:sp>
      <p:sp>
        <p:nvSpPr>
          <p:cNvPr id="30" name="!!sharingbox">
            <a:extLst>
              <a:ext uri="{FF2B5EF4-FFF2-40B4-BE49-F238E27FC236}">
                <a16:creationId xmlns:a16="http://schemas.microsoft.com/office/drawing/2014/main" id="{0DE1F46D-200A-0D0B-F20B-0C564F719394}"/>
              </a:ext>
            </a:extLst>
          </p:cNvPr>
          <p:cNvSpPr/>
          <p:nvPr/>
        </p:nvSpPr>
        <p:spPr>
          <a:xfrm>
            <a:off x="7493633" y="3823761"/>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ef9fb0ac3aac959eb3053572a5390a70">
            <a:pPr algn="ctr"/>
            <a:r>
              <a:rPr lang="es-ES" sz="2400"/>
              <a:t>Métadonnées</a:t>
            </a:r>
            <a:endParaRPr dirty="0" lang="en-NO" sz="2400"/>
          </a:p>
        </p:txBody>
      </p:sp>
      <p:sp>
        <p:nvSpPr>
          <p:cNvPr id="31" name="TextBox 30">
            <a:extLst>
              <a:ext uri="{FF2B5EF4-FFF2-40B4-BE49-F238E27FC236}">
                <a16:creationId xmlns:a16="http://schemas.microsoft.com/office/drawing/2014/main" id="{34165E9F-F1B8-F3D3-D341-6B2DEEFC85CF}"/>
              </a:ext>
            </a:extLst>
          </p:cNvPr>
          <p:cNvSpPr txBox="1"/>
          <p:nvPr/>
        </p:nvSpPr>
        <p:spPr>
          <a:xfrm>
            <a:off x="7578697" y="4488142"/>
            <a:ext cx="3079860" cy="461665"/>
          </a:xfrm>
          <a:prstGeom prst="rect">
            <a:avLst/>
          </a:prstGeom>
          <a:noFill/>
        </p:spPr>
        <p:txBody>
          <a:bodyPr rtlCol="0" wrap="square">
            <a:spAutoFit/>
          </a:bodyPr>
          <a:lstStyle/>
          <a:p txid="20b9857d5bcb5871779411cd67a5e5a5">
            <a:pPr>
              <a:buClr>
                <a:srgbClr val="008CCF"/>
              </a:buClr>
            </a:pPr>
            <a:r>
              <a:rPr lang="es-ES" sz="2400"/>
              <a:t>Visualisation et édition</a:t>
            </a:r>
          </a:p>
        </p:txBody>
      </p:sp>
      <p:sp>
        <p:nvSpPr>
          <p:cNvPr id="32" name="!!sharingbox">
            <a:extLst>
              <a:ext uri="{FF2B5EF4-FFF2-40B4-BE49-F238E27FC236}">
                <a16:creationId xmlns:a16="http://schemas.microsoft.com/office/drawing/2014/main" id="{2CB52350-AA40-34DE-7201-05F367AF99FE}"/>
              </a:ext>
            </a:extLst>
          </p:cNvPr>
          <p:cNvSpPr/>
          <p:nvPr/>
        </p:nvSpPr>
        <p:spPr>
          <a:xfrm>
            <a:off x="7461191" y="5021474"/>
            <a:ext cx="2631607" cy="640080"/>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d9fb75cfcf19533f66befd47cad6b6c5">
            <a:pPr algn="ctr"/>
            <a:r>
              <a:rPr lang="es-ES" sz="2400"/>
              <a:t>Données</a:t>
            </a:r>
            <a:endParaRPr dirty="0" lang="en-NO" sz="2400"/>
          </a:p>
        </p:txBody>
      </p:sp>
      <p:sp>
        <p:nvSpPr>
          <p:cNvPr id="33" name="TextBox 32">
            <a:extLst>
              <a:ext uri="{FF2B5EF4-FFF2-40B4-BE49-F238E27FC236}">
                <a16:creationId xmlns:a16="http://schemas.microsoft.com/office/drawing/2014/main" id="{942AD525-AD09-6BA1-FE56-B49B31C3A31B}"/>
              </a:ext>
            </a:extLst>
          </p:cNvPr>
          <p:cNvSpPr txBox="1"/>
          <p:nvPr/>
        </p:nvSpPr>
        <p:spPr>
          <a:xfrm>
            <a:off x="7578697" y="5661554"/>
            <a:ext cx="3079860" cy="461665"/>
          </a:xfrm>
          <a:prstGeom prst="rect">
            <a:avLst/>
          </a:prstGeom>
          <a:noFill/>
        </p:spPr>
        <p:txBody>
          <a:bodyPr rtlCol="0" wrap="square">
            <a:spAutoFit/>
          </a:bodyPr>
          <a:lstStyle/>
          <a:p txid="b17e334675e24c4621d1080894a239ac">
            <a:pPr>
              <a:buClr>
                <a:srgbClr val="008CCF"/>
              </a:buClr>
            </a:pPr>
            <a:r>
              <a:rPr lang="es-ES" sz="2400"/>
              <a:t>Saisie et visualisation</a:t>
            </a:r>
          </a:p>
        </p:txBody>
      </p:sp>
      <p:sp>
        <p:nvSpPr>
          <p:cNvPr id="15" name="Right Brace 14">
            <a:extLst>
              <a:ext uri="{FF2B5EF4-FFF2-40B4-BE49-F238E27FC236}">
                <a16:creationId xmlns:a16="http://schemas.microsoft.com/office/drawing/2014/main" id="{F558BBFC-B8E0-0B45-9AC2-32139495756D}"/>
              </a:ext>
            </a:extLst>
          </p:cNvPr>
          <p:cNvSpPr/>
          <p:nvPr/>
        </p:nvSpPr>
        <p:spPr>
          <a:xfrm rot="10800000">
            <a:off x="7047319" y="3988542"/>
            <a:ext cx="229543" cy="1468611"/>
          </a:xfrm>
          <a:prstGeom prst="rightBrace">
            <a:avLst>
              <a:gd fmla="val 64017" name="adj1"/>
              <a:gd fmla="val 50000"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16" name="TextBox 15">
            <a:extLst>
              <a:ext uri="{FF2B5EF4-FFF2-40B4-BE49-F238E27FC236}">
                <a16:creationId xmlns:a16="http://schemas.microsoft.com/office/drawing/2014/main" id="{73C9BCF7-685C-C4E0-15C5-EB2F30571FA7}"/>
              </a:ext>
            </a:extLst>
          </p:cNvPr>
          <p:cNvSpPr txBox="1"/>
          <p:nvPr/>
        </p:nvSpPr>
        <p:spPr>
          <a:xfrm>
            <a:off x="1168110" y="5268764"/>
            <a:ext cx="3269606" cy="1200329"/>
          </a:xfrm>
          <a:prstGeom prst="rect">
            <a:avLst/>
          </a:prstGeom>
          <a:noFill/>
        </p:spPr>
        <p:txBody>
          <a:bodyPr rtlCol="0" wrap="square">
            <a:spAutoFit/>
          </a:bodyPr>
          <a:lstStyle/>
          <a:p txid="6da4bd0b69f296dc8b0ddeb887a7cd53">
            <a:pPr>
              <a:buClr>
                <a:srgbClr val="008CCF"/>
              </a:buClr>
            </a:pPr>
            <a:r>
              <a:rPr lang="es-ES" sz="2400"/>
              <a:t>Éléments à prendre en compte lors de la configuration d'un ensemble de données</a:t>
            </a:r>
          </a:p>
        </p:txBody>
      </p:sp>
      <p:cxnSp>
        <p:nvCxnSpPr>
          <p:cNvPr id="4" name="Straight Arrow Connector 3">
            <a:extLst>
              <a:ext uri="{FF2B5EF4-FFF2-40B4-BE49-F238E27FC236}">
                <a16:creationId xmlns:a16="http://schemas.microsoft.com/office/drawing/2014/main" id="{4ACC1AA3-EFD4-10DC-53D4-7BB264B59F45}"/>
              </a:ext>
            </a:extLst>
          </p:cNvPr>
          <p:cNvCxnSpPr>
            <a:stCxn id="24" idx="2"/>
          </p:cNvCxnSpPr>
          <p:nvPr/>
        </p:nvCxnSpPr>
        <p:spPr>
          <a:xfrm flipH="1">
            <a:off x="2649301" y="5013159"/>
            <a:ext cx="1" cy="275487"/>
          </a:xfrm>
          <a:prstGeom prst="straightConnector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2799627632"/>
      </p:ext>
    </p:extLst>
  </p:cSld>
  <p:clrMapOvr>
    <a:masterClrMapping/>
  </p:clrMapOvr>
  <mc:AlternateContent xmlns:mc="http://schemas.openxmlformats.org/markup-compatibility/2006" xmlns:p14="http://schemas.microsoft.com/office/powerpoint/2010/main">
    <mc:Choice Requires="p14">
      <p:transition advTm="60432" p14:dur="2000" spd="slow"/>
    </mc:Choice>
    <mc:Fallback xmlns="">
      <p:transition advTm="60432"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25"/>
                                        </p:tgtEl>
                                        <p:attrNameLst>
                                          <p:attrName>style.visibility</p:attrName>
                                        </p:attrNameLst>
                                      </p:cBhvr>
                                      <p:to>
                                        <p:strVal val="visible"/>
                                      </p:to>
                                    </p:set>
                                    <p:animEffect filter="fade" transition="in">
                                      <p:cBhvr>
                                        <p:cTn dur="500" id="7"/>
                                        <p:tgtEl>
                                          <p:spTgt spid="25"/>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26"/>
                                        </p:tgtEl>
                                        <p:attrNameLst>
                                          <p:attrName>style.visibility</p:attrName>
                                        </p:attrNameLst>
                                      </p:cBhvr>
                                      <p:to>
                                        <p:strVal val="visible"/>
                                      </p:to>
                                    </p:set>
                                    <p:animEffect filter="fade" transition="in">
                                      <p:cBhvr>
                                        <p:cTn dur="500" id="12"/>
                                        <p:tgtEl>
                                          <p:spTgt spid="26"/>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24"/>
                                        </p:tgtEl>
                                        <p:attrNameLst>
                                          <p:attrName>style.visibility</p:attrName>
                                        </p:attrNameLst>
                                      </p:cBhvr>
                                      <p:to>
                                        <p:strVal val="visible"/>
                                      </p:to>
                                    </p:set>
                                    <p:animEffect filter="fade" transition="in">
                                      <p:cBhvr>
                                        <p:cTn dur="500" id="17"/>
                                        <p:tgtEl>
                                          <p:spTgt spid="24"/>
                                        </p:tgtEl>
                                      </p:cBhvr>
                                    </p:animEffect>
                                  </p:childTnLst>
                                </p:cTn>
                              </p:par>
                            </p:childTnLst>
                          </p:cTn>
                        </p:par>
                      </p:childTnLst>
                    </p:cTn>
                  </p:par>
                  <p:par>
                    <p:cTn fill="hold" id="18">
                      <p:stCondLst>
                        <p:cond delay="indefinite"/>
                      </p:stCondLst>
                      <p:childTnLst>
                        <p:par>
                          <p:cTn fill="hold" id="19">
                            <p:stCondLst>
                              <p:cond delay="0"/>
                            </p:stCondLst>
                            <p:childTnLst>
                              <p:par>
                                <p:cTn fill="hold" grpId="0" id="20" nodeType="clickEffect" presetClass="entr" presetID="10" presetSubtype="0">
                                  <p:stCondLst>
                                    <p:cond delay="0"/>
                                  </p:stCondLst>
                                  <p:childTnLst>
                                    <p:set>
                                      <p:cBhvr>
                                        <p:cTn dur="1" fill="hold" id="21">
                                          <p:stCondLst>
                                            <p:cond delay="0"/>
                                          </p:stCondLst>
                                        </p:cTn>
                                        <p:tgtEl>
                                          <p:spTgt spid="21"/>
                                        </p:tgtEl>
                                        <p:attrNameLst>
                                          <p:attrName>style.visibility</p:attrName>
                                        </p:attrNameLst>
                                      </p:cBhvr>
                                      <p:to>
                                        <p:strVal val="visible"/>
                                      </p:to>
                                    </p:set>
                                    <p:animEffect filter="fade" transition="in">
                                      <p:cBhvr>
                                        <p:cTn dur="500" id="22"/>
                                        <p:tgtEl>
                                          <p:spTgt spid="21"/>
                                        </p:tgtEl>
                                      </p:cBhvr>
                                    </p:animEffect>
                                  </p:childTnLst>
                                </p:cTn>
                              </p:par>
                            </p:childTnLst>
                          </p:cTn>
                        </p:par>
                      </p:childTnLst>
                    </p:cTn>
                  </p:par>
                  <p:par>
                    <p:cTn fill="hold" id="23">
                      <p:stCondLst>
                        <p:cond delay="indefinite"/>
                      </p:stCondLst>
                      <p:childTnLst>
                        <p:par>
                          <p:cTn fill="hold" id="24">
                            <p:stCondLst>
                              <p:cond delay="0"/>
                            </p:stCondLst>
                            <p:childTnLst>
                              <p:par>
                                <p:cTn fill="hold" grpId="0" id="25" nodeType="clickEffect" presetClass="entr" presetID="10" presetSubtype="0">
                                  <p:stCondLst>
                                    <p:cond delay="0"/>
                                  </p:stCondLst>
                                  <p:childTnLst>
                                    <p:set>
                                      <p:cBhvr>
                                        <p:cTn dur="1" fill="hold" id="26">
                                          <p:stCondLst>
                                            <p:cond delay="0"/>
                                          </p:stCondLst>
                                        </p:cTn>
                                        <p:tgtEl>
                                          <p:spTgt spid="27"/>
                                        </p:tgtEl>
                                        <p:attrNameLst>
                                          <p:attrName>style.visibility</p:attrName>
                                        </p:attrNameLst>
                                      </p:cBhvr>
                                      <p:to>
                                        <p:strVal val="visible"/>
                                      </p:to>
                                    </p:set>
                                    <p:animEffect filter="fade" transition="in">
                                      <p:cBhvr>
                                        <p:cTn dur="500" id="27"/>
                                        <p:tgtEl>
                                          <p:spTgt spid="27"/>
                                        </p:tgtEl>
                                      </p:cBhvr>
                                    </p:animEffect>
                                  </p:childTnLst>
                                </p:cTn>
                              </p:par>
                            </p:childTnLst>
                          </p:cTn>
                        </p:par>
                      </p:childTnLst>
                    </p:cTn>
                  </p:par>
                  <p:par>
                    <p:cTn fill="hold" id="28">
                      <p:stCondLst>
                        <p:cond delay="indefinite"/>
                      </p:stCondLst>
                      <p:childTnLst>
                        <p:par>
                          <p:cTn fill="hold" id="29">
                            <p:stCondLst>
                              <p:cond delay="0"/>
                            </p:stCondLst>
                            <p:childTnLst>
                              <p:par>
                                <p:cTn fill="hold" grpId="0" id="30" nodeType="clickEffect" presetClass="entr" presetID="10" presetSubtype="0">
                                  <p:stCondLst>
                                    <p:cond delay="0"/>
                                  </p:stCondLst>
                                  <p:childTnLst>
                                    <p:set>
                                      <p:cBhvr>
                                        <p:cTn dur="1" fill="hold" id="31">
                                          <p:stCondLst>
                                            <p:cond delay="0"/>
                                          </p:stCondLst>
                                        </p:cTn>
                                        <p:tgtEl>
                                          <p:spTgt spid="28"/>
                                        </p:tgtEl>
                                        <p:attrNameLst>
                                          <p:attrName>style.visibility</p:attrName>
                                        </p:attrNameLst>
                                      </p:cBhvr>
                                      <p:to>
                                        <p:strVal val="visible"/>
                                      </p:to>
                                    </p:set>
                                    <p:animEffect filter="fade" transition="in">
                                      <p:cBhvr>
                                        <p:cTn dur="500" id="32"/>
                                        <p:tgtEl>
                                          <p:spTgt spid="28"/>
                                        </p:tgtEl>
                                      </p:cBhvr>
                                    </p:animEffect>
                                  </p:childTnLst>
                                </p:cTn>
                              </p:par>
                            </p:childTnLst>
                          </p:cTn>
                        </p:par>
                      </p:childTnLst>
                    </p:cTn>
                  </p:par>
                  <p:par>
                    <p:cTn fill="hold" id="33">
                      <p:stCondLst>
                        <p:cond delay="indefinite"/>
                      </p:stCondLst>
                      <p:childTnLst>
                        <p:par>
                          <p:cTn fill="hold" id="34">
                            <p:stCondLst>
                              <p:cond delay="0"/>
                            </p:stCondLst>
                            <p:childTnLst>
                              <p:par>
                                <p:cTn fill="hold" grpId="0" id="35" nodeType="clickEffect" presetClass="entr" presetID="10" presetSubtype="0">
                                  <p:stCondLst>
                                    <p:cond delay="0"/>
                                  </p:stCondLst>
                                  <p:childTnLst>
                                    <p:set>
                                      <p:cBhvr>
                                        <p:cTn dur="1" fill="hold" id="36">
                                          <p:stCondLst>
                                            <p:cond delay="0"/>
                                          </p:stCondLst>
                                        </p:cTn>
                                        <p:tgtEl>
                                          <p:spTgt spid="29"/>
                                        </p:tgtEl>
                                        <p:attrNameLst>
                                          <p:attrName>style.visibility</p:attrName>
                                        </p:attrNameLst>
                                      </p:cBhvr>
                                      <p:to>
                                        <p:strVal val="visible"/>
                                      </p:to>
                                    </p:set>
                                    <p:animEffect filter="fade" transition="in">
                                      <p:cBhvr>
                                        <p:cTn dur="500" id="37"/>
                                        <p:tgtEl>
                                          <p:spTgt spid="29"/>
                                        </p:tgtEl>
                                      </p:cBhvr>
                                    </p:animEffect>
                                  </p:childTnLst>
                                </p:cTn>
                              </p:par>
                            </p:childTnLst>
                          </p:cTn>
                        </p:par>
                      </p:childTnLst>
                    </p:cTn>
                  </p:par>
                  <p:par>
                    <p:cTn fill="hold" id="38">
                      <p:stCondLst>
                        <p:cond delay="indefinite"/>
                      </p:stCondLst>
                      <p:childTnLst>
                        <p:par>
                          <p:cTn fill="hold" id="39">
                            <p:stCondLst>
                              <p:cond delay="0"/>
                            </p:stCondLst>
                            <p:childTnLst>
                              <p:par>
                                <p:cTn fill="hold" grpId="0" id="40" nodeType="clickEffect" presetClass="entr" presetID="22" presetSubtype="8">
                                  <p:stCondLst>
                                    <p:cond delay="0"/>
                                  </p:stCondLst>
                                  <p:childTnLst>
                                    <p:set>
                                      <p:cBhvr>
                                        <p:cTn dur="1" fill="hold" id="41">
                                          <p:stCondLst>
                                            <p:cond delay="0"/>
                                          </p:stCondLst>
                                        </p:cTn>
                                        <p:tgtEl>
                                          <p:spTgt spid="15"/>
                                        </p:tgtEl>
                                        <p:attrNameLst>
                                          <p:attrName>style.visibility</p:attrName>
                                        </p:attrNameLst>
                                      </p:cBhvr>
                                      <p:to>
                                        <p:strVal val="visible"/>
                                      </p:to>
                                    </p:set>
                                    <p:animEffect filter="wipe(left)" transition="in">
                                      <p:cBhvr>
                                        <p:cTn dur="500" id="42"/>
                                        <p:tgtEl>
                                          <p:spTgt spid="15"/>
                                        </p:tgtEl>
                                      </p:cBhvr>
                                    </p:animEffec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30"/>
                                        </p:tgtEl>
                                        <p:attrNameLst>
                                          <p:attrName>style.visibility</p:attrName>
                                        </p:attrNameLst>
                                      </p:cBhvr>
                                      <p:to>
                                        <p:strVal val="visible"/>
                                      </p:to>
                                    </p:set>
                                    <p:animEffect filter="fade" transition="in">
                                      <p:cBhvr>
                                        <p:cTn dur="500" id="47"/>
                                        <p:tgtEl>
                                          <p:spTgt spid="30"/>
                                        </p:tgtEl>
                                      </p:cBhvr>
                                    </p:animEffect>
                                  </p:childTnLst>
                                </p:cTn>
                              </p:par>
                            </p:childTnLst>
                          </p:cTn>
                        </p:par>
                      </p:childTnLst>
                    </p:cTn>
                  </p:par>
                  <p:par>
                    <p:cTn fill="hold" id="48">
                      <p:stCondLst>
                        <p:cond delay="indefinite"/>
                      </p:stCondLst>
                      <p:childTnLst>
                        <p:par>
                          <p:cTn fill="hold" id="49">
                            <p:stCondLst>
                              <p:cond delay="0"/>
                            </p:stCondLst>
                            <p:childTnLst>
                              <p:par>
                                <p:cTn fill="hold" grpId="0" id="50" nodeType="clickEffect" presetClass="entr" presetID="10" presetSubtype="0">
                                  <p:stCondLst>
                                    <p:cond delay="0"/>
                                  </p:stCondLst>
                                  <p:childTnLst>
                                    <p:set>
                                      <p:cBhvr>
                                        <p:cTn dur="1" fill="hold" id="51">
                                          <p:stCondLst>
                                            <p:cond delay="0"/>
                                          </p:stCondLst>
                                        </p:cTn>
                                        <p:tgtEl>
                                          <p:spTgt spid="31"/>
                                        </p:tgtEl>
                                        <p:attrNameLst>
                                          <p:attrName>style.visibility</p:attrName>
                                        </p:attrNameLst>
                                      </p:cBhvr>
                                      <p:to>
                                        <p:strVal val="visible"/>
                                      </p:to>
                                    </p:set>
                                    <p:animEffect filter="fade" transition="in">
                                      <p:cBhvr>
                                        <p:cTn dur="500" id="52"/>
                                        <p:tgtEl>
                                          <p:spTgt spid="31"/>
                                        </p:tgtEl>
                                      </p:cBhvr>
                                    </p:animEffect>
                                  </p:childTnLst>
                                </p:cTn>
                              </p:par>
                            </p:childTnLst>
                          </p:cTn>
                        </p:par>
                      </p:childTnLst>
                    </p:cTn>
                  </p:par>
                  <p:par>
                    <p:cTn fill="hold" id="53">
                      <p:stCondLst>
                        <p:cond delay="indefinite"/>
                      </p:stCondLst>
                      <p:childTnLst>
                        <p:par>
                          <p:cTn fill="hold" id="54">
                            <p:stCondLst>
                              <p:cond delay="0"/>
                            </p:stCondLst>
                            <p:childTnLst>
                              <p:par>
                                <p:cTn fill="hold" grpId="0" id="55" nodeType="clickEffect" presetClass="entr" presetID="10" presetSubtype="0">
                                  <p:stCondLst>
                                    <p:cond delay="0"/>
                                  </p:stCondLst>
                                  <p:childTnLst>
                                    <p:set>
                                      <p:cBhvr>
                                        <p:cTn dur="1" fill="hold" id="56">
                                          <p:stCondLst>
                                            <p:cond delay="0"/>
                                          </p:stCondLst>
                                        </p:cTn>
                                        <p:tgtEl>
                                          <p:spTgt spid="32"/>
                                        </p:tgtEl>
                                        <p:attrNameLst>
                                          <p:attrName>style.visibility</p:attrName>
                                        </p:attrNameLst>
                                      </p:cBhvr>
                                      <p:to>
                                        <p:strVal val="visible"/>
                                      </p:to>
                                    </p:set>
                                    <p:animEffect filter="fade" transition="in">
                                      <p:cBhvr>
                                        <p:cTn dur="500" id="57"/>
                                        <p:tgtEl>
                                          <p:spTgt spid="32"/>
                                        </p:tgtEl>
                                      </p:cBhvr>
                                    </p:animEffect>
                                  </p:childTnLst>
                                </p:cTn>
                              </p:par>
                            </p:childTnLst>
                          </p:cTn>
                        </p:par>
                      </p:childTnLst>
                    </p:cTn>
                  </p:par>
                  <p:par>
                    <p:cTn fill="hold" id="58">
                      <p:stCondLst>
                        <p:cond delay="indefinite"/>
                      </p:stCondLst>
                      <p:childTnLst>
                        <p:par>
                          <p:cTn fill="hold" id="59">
                            <p:stCondLst>
                              <p:cond delay="0"/>
                            </p:stCondLst>
                            <p:childTnLst>
                              <p:par>
                                <p:cTn fill="hold" grpId="0" id="60" nodeType="clickEffect" presetClass="entr" presetID="10" presetSubtype="0">
                                  <p:stCondLst>
                                    <p:cond delay="0"/>
                                  </p:stCondLst>
                                  <p:childTnLst>
                                    <p:set>
                                      <p:cBhvr>
                                        <p:cTn dur="1" fill="hold" id="61">
                                          <p:stCondLst>
                                            <p:cond delay="0"/>
                                          </p:stCondLst>
                                        </p:cTn>
                                        <p:tgtEl>
                                          <p:spTgt spid="33"/>
                                        </p:tgtEl>
                                        <p:attrNameLst>
                                          <p:attrName>style.visibility</p:attrName>
                                        </p:attrNameLst>
                                      </p:cBhvr>
                                      <p:to>
                                        <p:strVal val="visible"/>
                                      </p:to>
                                    </p:set>
                                    <p:animEffect filter="fade" transition="in">
                                      <p:cBhvr>
                                        <p:cTn dur="500" id="62"/>
                                        <p:tgtEl>
                                          <p:spTgt spid="33"/>
                                        </p:tgtEl>
                                      </p:cBhvr>
                                    </p:animEffect>
                                  </p:childTnLst>
                                </p:cTn>
                              </p:par>
                            </p:childTnLst>
                          </p:cTn>
                        </p:par>
                      </p:childTnLst>
                    </p:cTn>
                  </p:par>
                  <p:par>
                    <p:cTn fill="hold" id="63">
                      <p:stCondLst>
                        <p:cond delay="indefinite"/>
                      </p:stCondLst>
                      <p:childTnLst>
                        <p:par>
                          <p:cTn fill="hold" id="64">
                            <p:stCondLst>
                              <p:cond delay="0"/>
                            </p:stCondLst>
                            <p:childTnLst>
                              <p:par>
                                <p:cTn fill="hold" id="65" nodeType="clickEffect" presetClass="entr" presetID="22" presetSubtype="1">
                                  <p:stCondLst>
                                    <p:cond delay="0"/>
                                  </p:stCondLst>
                                  <p:childTnLst>
                                    <p:set>
                                      <p:cBhvr>
                                        <p:cTn dur="1" fill="hold" id="66">
                                          <p:stCondLst>
                                            <p:cond delay="0"/>
                                          </p:stCondLst>
                                        </p:cTn>
                                        <p:tgtEl>
                                          <p:spTgt spid="4"/>
                                        </p:tgtEl>
                                        <p:attrNameLst>
                                          <p:attrName>style.visibility</p:attrName>
                                        </p:attrNameLst>
                                      </p:cBhvr>
                                      <p:to>
                                        <p:strVal val="visible"/>
                                      </p:to>
                                    </p:set>
                                    <p:animEffect filter="wipe(up)" transition="in">
                                      <p:cBhvr>
                                        <p:cTn dur="500" id="67"/>
                                        <p:tgtEl>
                                          <p:spTgt spid="4"/>
                                        </p:tgtEl>
                                      </p:cBhvr>
                                    </p:animEffect>
                                  </p:childTnLst>
                                </p:cTn>
                              </p:par>
                            </p:childTnLst>
                          </p:cTn>
                        </p:par>
                        <p:par>
                          <p:cTn fill="hold" id="68">
                            <p:stCondLst>
                              <p:cond delay="500"/>
                            </p:stCondLst>
                            <p:childTnLst>
                              <p:par>
                                <p:cTn fill="hold" grpId="0" id="69" nodeType="afterEffect" presetClass="entr" presetID="10" presetSubtype="0">
                                  <p:stCondLst>
                                    <p:cond delay="0"/>
                                  </p:stCondLst>
                                  <p:childTnLst>
                                    <p:set>
                                      <p:cBhvr>
                                        <p:cTn dur="1" fill="hold" id="70">
                                          <p:stCondLst>
                                            <p:cond delay="0"/>
                                          </p:stCondLst>
                                        </p:cTn>
                                        <p:tgtEl>
                                          <p:spTgt spid="16"/>
                                        </p:tgtEl>
                                        <p:attrNameLst>
                                          <p:attrName>style.visibility</p:attrName>
                                        </p:attrNameLst>
                                      </p:cBhvr>
                                      <p:to>
                                        <p:strVal val="visible"/>
                                      </p:to>
                                    </p:set>
                                    <p:animEffect filter="fade" transition="in">
                                      <p:cBhvr>
                                        <p:cTn dur="500" id="71"/>
                                        <p:tgtEl>
                                          <p:spTgt spid="16"/>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grpId="0" spid="21"/>
      <p:bldP animBg="1" grpId="0" spid="24"/>
      <p:bldP animBg="1" grpId="0" spid="25"/>
      <p:bldP animBg="1" grpId="0" spid="26"/>
      <p:bldP grpId="0" spid="27"/>
      <p:bldP grpId="0" spid="28"/>
      <p:bldP grpId="0" spid="29"/>
      <p:bldP animBg="1" grpId="0" spid="30"/>
      <p:bldP grpId="0" spid="31"/>
      <p:bldP animBg="1" grpId="0" spid="32"/>
      <p:bldP grpId="0" spid="33"/>
      <p:bldP animBg="1" grpId="0" spid="15"/>
      <p:bldP grpId="0" spid="16"/>
    </p:bldLst>
  </p:timing>
</p:sld>
</file>

<file path=ppt/slides/slide31.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advClick="0" advTm="12800" p14:dur="896" spd="slow">
        <p:strips/>
      </p:transition>
    </mc:Choice>
    <mc:Fallback xmlns="">
      <p:transition advClick="0" advTm="12800" spd="slow">
        <p:strips/>
      </p:transition>
    </mc:Fallback>
  </mc:AlternateContent>
</p:sld>
</file>

<file path=ppt/slides/slide4.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16" name="TextBox 15">
            <a:extLst>
              <a:ext uri="{FF2B5EF4-FFF2-40B4-BE49-F238E27FC236}">
                <a16:creationId xmlns:a16="http://schemas.microsoft.com/office/drawing/2014/main" id="{FAC91050-B90A-260E-A68B-194EEBDC501D}"/>
              </a:ext>
            </a:extLst>
          </p:cNvPr>
          <p:cNvSpPr txBox="1"/>
          <p:nvPr/>
        </p:nvSpPr>
        <p:spPr>
          <a:xfrm>
            <a:off x="8283388" y="5351929"/>
            <a:ext cx="530915" cy="461665"/>
          </a:xfrm>
          <a:prstGeom prst="rect">
            <a:avLst/>
          </a:prstGeom>
          <a:noFill/>
        </p:spPr>
        <p:txBody>
          <a:bodyPr rtlCol="0" wrap="none">
            <a:spAutoFit/>
          </a:bodyPr>
          <a:lstStyle/>
          <a:p>
            <a:pPr algn="l" indent="-342900" marL="342900">
              <a:buClr>
                <a:srgbClr val="008CCF"/>
              </a:buClr>
              <a:buFont charset="-79" pitchFamily="2" typeface="Rubik"/>
              <a:buChar char="•"/>
            </a:pPr>
            <a:endParaRPr dirty="0" lang="en-NO" sz="2400"/>
          </a:p>
        </p:txBody>
      </p:sp>
      <p:sp>
        <p:nvSpPr>
          <p:cNvPr id="20" name="Right Brace 19">
            <a:extLst>
              <a:ext uri="{FF2B5EF4-FFF2-40B4-BE49-F238E27FC236}">
                <a16:creationId xmlns:a16="http://schemas.microsoft.com/office/drawing/2014/main" id="{204C7CF7-399B-5E24-99A9-0EE5FEF593C0}"/>
              </a:ext>
            </a:extLst>
          </p:cNvPr>
          <p:cNvSpPr/>
          <p:nvPr/>
        </p:nvSpPr>
        <p:spPr>
          <a:xfrm rot="5400000">
            <a:off x="5844849" y="430039"/>
            <a:ext cx="502301" cy="8823237"/>
          </a:xfrm>
          <a:prstGeom prst="rightBrace">
            <a:avLst>
              <a:gd fmla="val 64017" name="adj1"/>
              <a:gd fmla="val 50000" name="adj2"/>
            </a:avLst>
          </a:prstGeom>
          <a:ln cap="rnd" w="38100">
            <a:solidFill>
              <a:schemeClr val="accent1"/>
            </a:solidFill>
            <a:prstDash val="solid"/>
            <a:headEnd len="lg" type="none" w="lg"/>
            <a:tailEnd len="lg" type="none" w="lg"/>
          </a:ln>
        </p:spPr>
        <p:style>
          <a:lnRef idx="1">
            <a:schemeClr val="accent1"/>
          </a:lnRef>
          <a:fillRef idx="0">
            <a:schemeClr val="accent1"/>
          </a:fillRef>
          <a:effectRef idx="0">
            <a:schemeClr val="accent1"/>
          </a:effectRef>
          <a:fontRef idx="minor">
            <a:schemeClr val="tx1"/>
          </a:fontRef>
        </p:style>
        <p:txBody>
          <a:bodyPr anchor="ctr" rtlCol="0"/>
          <a:lstStyle/>
          <a:p>
            <a:pPr algn="ctr"/>
            <a:endParaRPr lang="es-ES"/>
          </a:p>
        </p:txBody>
      </p:sp>
      <p:sp>
        <p:nvSpPr>
          <p:cNvPr id="21" name="TextBox 20">
            <a:extLst>
              <a:ext uri="{FF2B5EF4-FFF2-40B4-BE49-F238E27FC236}">
                <a16:creationId xmlns:a16="http://schemas.microsoft.com/office/drawing/2014/main" id="{C991A3F0-66EA-E58E-03DC-66EF0524DD30}"/>
              </a:ext>
            </a:extLst>
          </p:cNvPr>
          <p:cNvSpPr txBox="1"/>
          <p:nvPr/>
        </p:nvSpPr>
        <p:spPr>
          <a:xfrm>
            <a:off x="3130923" y="5217467"/>
            <a:ext cx="5930152" cy="461665"/>
          </a:xfrm>
          <a:prstGeom prst="rect">
            <a:avLst/>
          </a:prstGeom>
          <a:noFill/>
        </p:spPr>
        <p:txBody>
          <a:bodyPr rtlCol="0" wrap="square">
            <a:spAutoFit/>
          </a:bodyPr>
          <a:lstStyle/>
          <a:p txid="143f45f45845ac7ad24f2c9ed6a0bd57">
            <a:pPr algn="ctr">
              <a:buClr>
                <a:srgbClr val="008CCF"/>
              </a:buClr>
            </a:pPr>
            <a:r>
              <a:rPr dirty="0" lang="en-NO" sz="2400"/>
              <a:t>Contrôle granulaire de l'accès des utilisateurs</a:t>
            </a:r>
          </a:p>
        </p:txBody>
      </p:sp>
      <p:grpSp>
        <p:nvGrpSpPr>
          <p:cNvPr id="61" name="!!sharing">
            <a:extLst>
              <a:ext uri="{FF2B5EF4-FFF2-40B4-BE49-F238E27FC236}">
                <a16:creationId xmlns:a16="http://schemas.microsoft.com/office/drawing/2014/main" id="{A8722136-C5AE-C175-4F93-E044FB2CA030}"/>
              </a:ext>
            </a:extLst>
          </p:cNvPr>
          <p:cNvGrpSpPr/>
          <p:nvPr/>
        </p:nvGrpSpPr>
        <p:grpSpPr>
          <a:xfrm>
            <a:off x="1786577" y="2398539"/>
            <a:ext cx="1862941" cy="2004144"/>
            <a:chOff x="1333500" y="1969731"/>
            <a:chExt cx="1862941" cy="2004144"/>
          </a:xfrm>
        </p:grpSpPr>
        <p:sp>
          <p:nvSpPr>
            <p:cNvPr id="22" name="Freeform 22">
              <a:extLst>
                <a:ext uri="{FF2B5EF4-FFF2-40B4-BE49-F238E27FC236}">
                  <a16:creationId xmlns:a16="http://schemas.microsoft.com/office/drawing/2014/main" id="{1335E7DE-179A-7559-9463-FA0A8F599AB7}"/>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23" name="Group 22">
              <a:extLst>
                <a:ext uri="{FF2B5EF4-FFF2-40B4-BE49-F238E27FC236}">
                  <a16:creationId xmlns:a16="http://schemas.microsoft.com/office/drawing/2014/main" id="{0FCE319D-27FE-908E-7890-1929C7D4D937}"/>
                </a:ext>
              </a:extLst>
            </p:cNvPr>
            <p:cNvGrpSpPr/>
            <p:nvPr/>
          </p:nvGrpSpPr>
          <p:grpSpPr>
            <a:xfrm>
              <a:off x="1746057" y="1969731"/>
              <a:ext cx="923284" cy="861233"/>
              <a:chOff x="2866244" y="2493706"/>
              <a:chExt cx="1072382" cy="1000311"/>
            </a:xfrm>
          </p:grpSpPr>
          <p:sp>
            <p:nvSpPr>
              <p:cNvPr id="28" name="Freeform 23">
                <a:extLst>
                  <a:ext uri="{FF2B5EF4-FFF2-40B4-BE49-F238E27FC236}">
                    <a16:creationId xmlns:a16="http://schemas.microsoft.com/office/drawing/2014/main" id="{87718A8C-9F60-F2F5-069F-9A694C0EA780}"/>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9" name="Freeform 24">
                <a:extLst>
                  <a:ext uri="{FF2B5EF4-FFF2-40B4-BE49-F238E27FC236}">
                    <a16:creationId xmlns:a16="http://schemas.microsoft.com/office/drawing/2014/main" id="{44121AEB-F435-92A9-A668-64608572FB2A}"/>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24" name="Group 23">
              <a:extLst>
                <a:ext uri="{FF2B5EF4-FFF2-40B4-BE49-F238E27FC236}">
                  <a16:creationId xmlns:a16="http://schemas.microsoft.com/office/drawing/2014/main" id="{E381C88A-974B-DF85-AB97-04C3A1962A46}"/>
                </a:ext>
              </a:extLst>
            </p:cNvPr>
            <p:cNvGrpSpPr/>
            <p:nvPr/>
          </p:nvGrpSpPr>
          <p:grpSpPr>
            <a:xfrm>
              <a:off x="1784364" y="3136309"/>
              <a:ext cx="846670" cy="837566"/>
              <a:chOff x="3040063" y="3848672"/>
              <a:chExt cx="983396" cy="972822"/>
            </a:xfrm>
          </p:grpSpPr>
          <p:sp>
            <p:nvSpPr>
              <p:cNvPr id="26" name="Freeform 28">
                <a:extLst>
                  <a:ext uri="{FF2B5EF4-FFF2-40B4-BE49-F238E27FC236}">
                    <a16:creationId xmlns:a16="http://schemas.microsoft.com/office/drawing/2014/main" id="{5A6B024C-0414-EBEA-DDC1-C4E792151012}"/>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7" name="Freeform 29">
                <a:extLst>
                  <a:ext uri="{FF2B5EF4-FFF2-40B4-BE49-F238E27FC236}">
                    <a16:creationId xmlns:a16="http://schemas.microsoft.com/office/drawing/2014/main" id="{135DA932-E621-6B2C-6574-8C397AAC469E}"/>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57" name="Freeform: Shape 56">
              <a:extLst>
                <a:ext uri="{FF2B5EF4-FFF2-40B4-BE49-F238E27FC236}">
                  <a16:creationId xmlns:a16="http://schemas.microsoft.com/office/drawing/2014/main" id="{F2EB2F0B-3203-EAEF-FB00-75B1403BFC0D}"/>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58" name="Graphic 24">
              <a:extLst>
                <a:ext uri="{FF2B5EF4-FFF2-40B4-BE49-F238E27FC236}">
                  <a16:creationId xmlns:a16="http://schemas.microsoft.com/office/drawing/2014/main" id="{A8F2B20D-61AC-E226-87D6-EF681485B08B}"/>
                </a:ext>
              </a:extLst>
            </p:cNvPr>
            <p:cNvGrpSpPr/>
            <p:nvPr/>
          </p:nvGrpSpPr>
          <p:grpSpPr>
            <a:xfrm>
              <a:off x="2323290" y="2517060"/>
              <a:ext cx="873151" cy="873151"/>
              <a:chOff x="2323290" y="2517060"/>
              <a:chExt cx="873151" cy="873151"/>
            </a:xfrm>
          </p:grpSpPr>
          <p:sp>
            <p:nvSpPr>
              <p:cNvPr id="59" name="Freeform: Shape 58">
                <a:extLst>
                  <a:ext uri="{FF2B5EF4-FFF2-40B4-BE49-F238E27FC236}">
                    <a16:creationId xmlns:a16="http://schemas.microsoft.com/office/drawing/2014/main" id="{CBBA27EC-2479-E9B1-93FB-41775E98E4D9}"/>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60" name="Freeform: Shape 59">
                <a:extLst>
                  <a:ext uri="{FF2B5EF4-FFF2-40B4-BE49-F238E27FC236}">
                    <a16:creationId xmlns:a16="http://schemas.microsoft.com/office/drawing/2014/main" id="{2F48CF11-05C5-D003-43F2-C2CB88FE332A}"/>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grpSp>
        <p:nvGrpSpPr>
          <p:cNvPr id="63" name="Group 62">
            <a:extLst>
              <a:ext uri="{FF2B5EF4-FFF2-40B4-BE49-F238E27FC236}">
                <a16:creationId xmlns:a16="http://schemas.microsoft.com/office/drawing/2014/main" id="{F2DA3D4A-EDBA-B6BC-DCD2-6AAF6A2BF78D}"/>
              </a:ext>
            </a:extLst>
          </p:cNvPr>
          <p:cNvGrpSpPr/>
          <p:nvPr/>
        </p:nvGrpSpPr>
        <p:grpSpPr>
          <a:xfrm>
            <a:off x="8492926" y="2526037"/>
            <a:ext cx="1886211" cy="1663778"/>
            <a:chOff x="8409934" y="2229519"/>
            <a:chExt cx="1886211" cy="1663778"/>
          </a:xfrm>
        </p:grpSpPr>
        <p:pic>
          <p:nvPicPr>
            <p:cNvPr id="19" name="Picture 18">
              <a:extLst>
                <a:ext uri="{FF2B5EF4-FFF2-40B4-BE49-F238E27FC236}">
                  <a16:creationId xmlns:a16="http://schemas.microsoft.com/office/drawing/2014/main" id="{84F188F8-9CA0-5C64-A039-7124AFD626FA}"/>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52" name="Freeform: Shape 51">
              <a:extLst>
                <a:ext uri="{FF2B5EF4-FFF2-40B4-BE49-F238E27FC236}">
                  <a16:creationId xmlns:a16="http://schemas.microsoft.com/office/drawing/2014/main" id="{078E1726-A9F0-2264-21FB-639803F2364C}"/>
                </a:ext>
              </a:extLst>
            </p:cNvPr>
            <p:cNvSpPr/>
            <p:nvPr/>
          </p:nvSpPr>
          <p:spPr>
            <a:xfrm>
              <a:off x="9703183" y="2973925"/>
              <a:ext cx="391447" cy="391447"/>
            </a:xfrm>
            <a:custGeom>
              <a:avLst/>
              <a:gdLst>
                <a:gd fmla="*/ 391447 w 391447" name="connsiteX0"/>
                <a:gd fmla="*/ 195724 h 391447" name="connsiteY0"/>
                <a:gd fmla="*/ 195724 w 391447" name="connsiteX1"/>
                <a:gd fmla="*/ 391447 h 391447" name="connsiteY1"/>
                <a:gd fmla="*/ 0 w 391447" name="connsiteX2"/>
                <a:gd fmla="*/ 195724 h 391447" name="connsiteY2"/>
                <a:gd fmla="*/ 195724 w 391447" name="connsiteX3"/>
                <a:gd fmla="*/ 0 h 391447" name="connsiteY3"/>
                <a:gd fmla="*/ 391447 w 391447" name="connsiteX4"/>
                <a:gd fmla="*/ 195724 h 39144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91447" w="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cap="flat" w="1594">
              <a:noFill/>
              <a:prstDash val="solid"/>
              <a:miter/>
            </a:ln>
          </p:spPr>
          <p:txBody>
            <a:bodyPr anchor="ctr" rtlCol="0"/>
            <a:lstStyle/>
            <a:p>
              <a:endParaRPr lang="es-ES"/>
            </a:p>
          </p:txBody>
        </p:sp>
        <p:grpSp>
          <p:nvGrpSpPr>
            <p:cNvPr id="53" name="Graphic 4">
              <a:extLst>
                <a:ext uri="{FF2B5EF4-FFF2-40B4-BE49-F238E27FC236}">
                  <a16:creationId xmlns:a16="http://schemas.microsoft.com/office/drawing/2014/main" id="{17CC6702-68F7-0F15-4994-44EA9CD9F8E3}"/>
                </a:ext>
              </a:extLst>
            </p:cNvPr>
            <p:cNvGrpSpPr/>
            <p:nvPr/>
          </p:nvGrpSpPr>
          <p:grpSpPr>
            <a:xfrm>
              <a:off x="9466672" y="2754865"/>
              <a:ext cx="829473" cy="829473"/>
              <a:chOff x="9466672" y="2754865"/>
              <a:chExt cx="829473" cy="829473"/>
            </a:xfrm>
          </p:grpSpPr>
          <p:sp>
            <p:nvSpPr>
              <p:cNvPr id="54" name="Freeform: Shape 53">
                <a:extLst>
                  <a:ext uri="{FF2B5EF4-FFF2-40B4-BE49-F238E27FC236}">
                    <a16:creationId xmlns:a16="http://schemas.microsoft.com/office/drawing/2014/main" id="{0B4B37A6-6B27-1807-0E66-426B160AC2EE}"/>
                  </a:ext>
                </a:extLst>
              </p:cNvPr>
              <p:cNvSpPr/>
              <p:nvPr/>
            </p:nvSpPr>
            <p:spPr>
              <a:xfrm rot="-1011000">
                <a:off x="9785720" y="3073848"/>
                <a:ext cx="191416" cy="191416"/>
              </a:xfrm>
              <a:custGeom>
                <a:avLst/>
                <a:gdLst>
                  <a:gd fmla="*/ 191417 w 191416" name="connsiteX0"/>
                  <a:gd fmla="*/ 95708 h 191416" name="connsiteY0"/>
                  <a:gd fmla="*/ 95708 w 191416" name="connsiteX1"/>
                  <a:gd fmla="*/ 191417 h 191416" name="connsiteY1"/>
                  <a:gd fmla="*/ 0 w 191416" name="connsiteX2"/>
                  <a:gd fmla="*/ 95708 h 191416" name="connsiteY2"/>
                  <a:gd fmla="*/ 95708 w 191416" name="connsiteX3"/>
                  <a:gd fmla="*/ 0 h 191416" name="connsiteY3"/>
                  <a:gd fmla="*/ 191417 w 191416" name="connsiteX4"/>
                  <a:gd fmla="*/ 95708 h 19141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91416" w="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cap="flat" w="1594">
                <a:noFill/>
                <a:prstDash val="solid"/>
                <a:miter/>
              </a:ln>
            </p:spPr>
            <p:txBody>
              <a:bodyPr anchor="ctr" rtlCol="0"/>
              <a:lstStyle/>
              <a:p>
                <a:endParaRPr lang="es-ES"/>
              </a:p>
            </p:txBody>
          </p:sp>
          <p:sp>
            <p:nvSpPr>
              <p:cNvPr id="55" name="Freeform: Shape 54">
                <a:extLst>
                  <a:ext uri="{FF2B5EF4-FFF2-40B4-BE49-F238E27FC236}">
                    <a16:creationId xmlns:a16="http://schemas.microsoft.com/office/drawing/2014/main" id="{8598F29C-B911-A7E6-52BA-5364BED7013D}"/>
                  </a:ext>
                </a:extLst>
              </p:cNvPr>
              <p:cNvSpPr/>
              <p:nvPr/>
            </p:nvSpPr>
            <p:spPr>
              <a:xfrm>
                <a:off x="9466672" y="2754865"/>
                <a:ext cx="829473" cy="829473"/>
              </a:xfrm>
              <a:custGeom>
                <a:avLst/>
                <a:gdLst>
                  <a:gd fmla="*/ 828293 w 829473" name="connsiteX0"/>
                  <a:gd fmla="*/ 343705 h 829473" name="connsiteY0"/>
                  <a:gd fmla="*/ 826889 w 829473" name="connsiteX1"/>
                  <a:gd fmla="*/ 339637 h 829473" name="connsiteY1"/>
                  <a:gd fmla="*/ 797570 w 829473" name="connsiteX2"/>
                  <a:gd fmla="*/ 320304 h 829473" name="connsiteY2"/>
                  <a:gd fmla="*/ 752587 w 829473" name="connsiteX3"/>
                  <a:gd fmla="*/ 320304 h 829473" name="connsiteY3"/>
                  <a:gd fmla="*/ 721051 w 829473" name="connsiteX4"/>
                  <a:gd fmla="*/ 307591 h 829473" name="connsiteY4"/>
                  <a:gd fmla="*/ 720684 w 829473" name="connsiteX5"/>
                  <a:gd fmla="*/ 245333 h 829473" name="connsiteY5"/>
                  <a:gd fmla="*/ 752587 w 829473" name="connsiteX6"/>
                  <a:gd fmla="*/ 213430 h 829473" name="connsiteY6"/>
                  <a:gd fmla="*/ 752779 w 829473" name="connsiteX7"/>
                  <a:gd fmla="*/ 213238 h 829473" name="connsiteY7"/>
                  <a:gd fmla="*/ 755873 w 829473" name="connsiteX8"/>
                  <a:gd fmla="*/ 209554 h 829473" name="connsiteY8"/>
                  <a:gd fmla="*/ 752587 w 829473" name="connsiteX9"/>
                  <a:gd fmla="*/ 168128 h 829473" name="connsiteY9"/>
                  <a:gd fmla="*/ 662302 w 829473" name="connsiteX10"/>
                  <a:gd fmla="*/ 77843 h 829473" name="connsiteY10"/>
                  <a:gd fmla="*/ 662111 w 829473" name="connsiteX11"/>
                  <a:gd fmla="*/ 77651 h 829473" name="connsiteY11"/>
                  <a:gd fmla="*/ 617000 w 829473" name="connsiteX12"/>
                  <a:gd fmla="*/ 77843 h 829473" name="connsiteY12"/>
                  <a:gd fmla="*/ 607589 w 829473" name="connsiteX13"/>
                  <a:gd fmla="*/ 87254 h 829473" name="connsiteY13"/>
                  <a:gd fmla="*/ 585098 w 829473" name="connsiteX14"/>
                  <a:gd fmla="*/ 109746 h 829473" name="connsiteY14"/>
                  <a:gd fmla="*/ 553562 w 829473" name="connsiteX15"/>
                  <a:gd fmla="*/ 122459 h 829473" name="connsiteY15"/>
                  <a:gd fmla="*/ 510126 w 829473" name="connsiteX16"/>
                  <a:gd fmla="*/ 77843 h 829473" name="connsiteY16"/>
                  <a:gd fmla="*/ 510126 w 829473" name="connsiteX17"/>
                  <a:gd fmla="*/ 31903 h 829473" name="connsiteY17"/>
                  <a:gd fmla="*/ 478223 w 829473" name="connsiteX18"/>
                  <a:gd fmla="*/ 0 h 829473" name="connsiteY18"/>
                  <a:gd fmla="*/ 350612 w 829473" name="connsiteX19"/>
                  <a:gd fmla="*/ 0 h 829473" name="connsiteY19"/>
                  <a:gd fmla="*/ 318709 w 829473" name="connsiteX20"/>
                  <a:gd fmla="*/ 31903 h 829473" name="connsiteY20"/>
                  <a:gd fmla="*/ 318709 w 829473" name="connsiteX21"/>
                  <a:gd fmla="*/ 76248 h 829473" name="connsiteY21"/>
                  <a:gd fmla="*/ 305996 w 829473" name="connsiteX22"/>
                  <a:gd fmla="*/ 107784 h 829473" name="connsiteY22"/>
                  <a:gd fmla="*/ 243737 w 829473" name="connsiteX23"/>
                  <a:gd fmla="*/ 108151 h 829473" name="connsiteY23"/>
                  <a:gd fmla="*/ 215041 w 829473" name="connsiteX24"/>
                  <a:gd fmla="*/ 79454 h 829473" name="connsiteY24"/>
                  <a:gd fmla="*/ 211835 w 829473" name="connsiteX25"/>
                  <a:gd fmla="*/ 76248 h 829473" name="connsiteY25"/>
                  <a:gd fmla="*/ 211643 w 829473" name="connsiteX26"/>
                  <a:gd fmla="*/ 76056 h 829473" name="connsiteY26"/>
                  <a:gd fmla="*/ 166533 w 829473" name="connsiteX27"/>
                  <a:gd fmla="*/ 76248 h 829473" name="connsiteY27"/>
                  <a:gd fmla="*/ 77843 w 829473" name="connsiteX28"/>
                  <a:gd fmla="*/ 166852 h 829473" name="connsiteY28"/>
                  <a:gd fmla="*/ 77651 w 829473" name="connsiteX29"/>
                  <a:gd fmla="*/ 167043 h 829473" name="connsiteY29"/>
                  <a:gd fmla="*/ 68447 w 829473" name="connsiteX30"/>
                  <a:gd fmla="*/ 188402 h 829473" name="connsiteY30"/>
                  <a:gd fmla="*/ 77827 w 829473" name="connsiteX31"/>
                  <a:gd fmla="*/ 212154 h 829473" name="connsiteY31"/>
                  <a:gd fmla="*/ 109730 w 829473" name="connsiteX32"/>
                  <a:gd fmla="*/ 244056 h 829473" name="connsiteY32"/>
                  <a:gd fmla="*/ 122443 w 829473" name="connsiteX33"/>
                  <a:gd fmla="*/ 275592 h 829473" name="connsiteY33"/>
                  <a:gd fmla="*/ 77827 w 829473" name="connsiteX34"/>
                  <a:gd fmla="*/ 319028 h 829473" name="connsiteY34"/>
                  <a:gd fmla="*/ 31903 w 829473" name="connsiteX35"/>
                  <a:gd fmla="*/ 319028 h 829473" name="connsiteY35"/>
                  <a:gd fmla="*/ 0 w 829473" name="connsiteX36"/>
                  <a:gd fmla="*/ 350931 h 829473" name="connsiteY36"/>
                  <a:gd fmla="*/ 0 w 829473" name="connsiteX37"/>
                  <a:gd fmla="*/ 478861 h 829473" name="connsiteY37"/>
                  <a:gd fmla="*/ 31903 w 829473" name="connsiteX38"/>
                  <a:gd fmla="*/ 510764 h 829473" name="connsiteY38"/>
                  <a:gd fmla="*/ 76248 w 829473" name="connsiteX39"/>
                  <a:gd fmla="*/ 510764 h 829473" name="connsiteY39"/>
                  <a:gd fmla="*/ 107784 w 829473" name="connsiteX40"/>
                  <a:gd fmla="*/ 523477 h 829473" name="connsiteY40"/>
                  <a:gd fmla="*/ 108151 w 829473" name="connsiteX41"/>
                  <a:gd fmla="*/ 585736 h 829473" name="connsiteY41"/>
                  <a:gd fmla="*/ 76248 w 829473" name="connsiteX42"/>
                  <a:gd fmla="*/ 617638 h 829473" name="connsiteY42"/>
                  <a:gd fmla="*/ 76056 w 829473" name="connsiteX43"/>
                  <a:gd fmla="*/ 617830 h 829473" name="connsiteY43"/>
                  <a:gd fmla="*/ 76248 w 829473" name="connsiteX44"/>
                  <a:gd fmla="*/ 662940 h 829473" name="connsiteY44"/>
                  <a:gd fmla="*/ 166852 w 829473" name="connsiteX45"/>
                  <a:gd fmla="*/ 751630 h 829473" name="connsiteY45"/>
                  <a:gd fmla="*/ 167043 w 829473" name="connsiteX46"/>
                  <a:gd fmla="*/ 751822 h 829473" name="connsiteY46"/>
                  <a:gd fmla="*/ 212154 w 829473" name="connsiteX47"/>
                  <a:gd fmla="*/ 751630 h 829473" name="connsiteY47"/>
                  <a:gd fmla="*/ 244056 w 829473" name="connsiteX48"/>
                  <a:gd fmla="*/ 719727 h 829473" name="connsiteY48"/>
                  <a:gd fmla="*/ 275592 w 829473" name="connsiteX49"/>
                  <a:gd fmla="*/ 707014 h 829473" name="connsiteY49"/>
                  <a:gd fmla="*/ 319028 w 829473" name="connsiteX50"/>
                  <a:gd fmla="*/ 751630 h 829473" name="connsiteY50"/>
                  <a:gd fmla="*/ 319028 w 829473" name="connsiteX51"/>
                  <a:gd fmla="*/ 797570 h 829473" name="connsiteY51"/>
                  <a:gd fmla="*/ 350931 w 829473" name="connsiteX52"/>
                  <a:gd fmla="*/ 829473 h 829473" name="connsiteY52"/>
                  <a:gd fmla="*/ 478542 w 829473" name="connsiteX53"/>
                  <a:gd fmla="*/ 829473 h 829473" name="connsiteY53"/>
                  <a:gd fmla="*/ 509169 w 829473" name="connsiteX54"/>
                  <a:gd fmla="*/ 797570 h 829473" name="connsiteY54"/>
                  <a:gd fmla="*/ 509169 w 829473" name="connsiteX55"/>
                  <a:gd fmla="*/ 754182 h 829473" name="connsiteY55"/>
                  <a:gd fmla="*/ 521882 w 829473" name="connsiteX56"/>
                  <a:gd fmla="*/ 722646 h 829473" name="connsiteY56"/>
                  <a:gd fmla="*/ 584140 w 829473" name="connsiteX57"/>
                  <a:gd fmla="*/ 722280 h 829473" name="connsiteY57"/>
                  <a:gd fmla="*/ 616043 w 829473" name="connsiteX58"/>
                  <a:gd fmla="*/ 754182 h 829473" name="connsiteY58"/>
                  <a:gd fmla="*/ 616235 w 829473" name="connsiteX59"/>
                  <a:gd fmla="*/ 754374 h 829473" name="connsiteY59"/>
                  <a:gd fmla="*/ 661345 w 829473" name="connsiteX60"/>
                  <a:gd fmla="*/ 754182 h 829473" name="connsiteY60"/>
                  <a:gd fmla="*/ 751630 w 829473" name="connsiteX61"/>
                  <a:gd fmla="*/ 663897 h 829473" name="connsiteY61"/>
                  <a:gd fmla="*/ 751822 w 829473" name="connsiteX62"/>
                  <a:gd fmla="*/ 663706 h 829473" name="connsiteY62"/>
                  <a:gd fmla="*/ 751630 w 829473" name="connsiteX63"/>
                  <a:gd fmla="*/ 618595 h 829473" name="connsiteY63"/>
                  <a:gd fmla="*/ 719727 w 829473" name="connsiteX64"/>
                  <a:gd fmla="*/ 586693 h 829473" name="connsiteY64"/>
                  <a:gd fmla="*/ 707014 w 829473" name="connsiteX65"/>
                  <a:gd fmla="*/ 555157 h 829473" name="connsiteY65"/>
                  <a:gd fmla="*/ 751630 w 829473" name="connsiteX66"/>
                  <a:gd fmla="*/ 511721 h 829473" name="connsiteY66"/>
                  <a:gd fmla="*/ 797570 w 829473" name="connsiteX67"/>
                  <a:gd fmla="*/ 511721 h 829473" name="connsiteY67"/>
                  <a:gd fmla="*/ 829473 w 829473" name="connsiteX68"/>
                  <a:gd fmla="*/ 479818 h 829473" name="connsiteY68"/>
                  <a:gd fmla="*/ 829473 w 829473" name="connsiteX69"/>
                  <a:gd fmla="*/ 352207 h 829473" name="connsiteY69"/>
                  <a:gd fmla="*/ 828293 w 829473" name="connsiteX70"/>
                  <a:gd fmla="*/ 343705 h 829473" name="connsiteY70"/>
                  <a:gd fmla="*/ 414737 w 829473" name="connsiteX71"/>
                  <a:gd fmla="*/ 574251 h 829473" name="connsiteY71"/>
                  <a:gd fmla="*/ 255222 w 829473" name="connsiteX72"/>
                  <a:gd fmla="*/ 414737 h 829473" name="connsiteY72"/>
                  <a:gd fmla="*/ 414737 w 829473" name="connsiteX73"/>
                  <a:gd fmla="*/ 255222 h 829473" name="connsiteY73"/>
                  <a:gd fmla="*/ 574251 w 829473" name="connsiteX74"/>
                  <a:gd fmla="*/ 414737 h 829473" name="connsiteY74"/>
                  <a:gd fmla="*/ 414737 w 829473" name="connsiteX75"/>
                  <a:gd fmla="*/ 574251 h 829473"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29473" w="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cap="flat" w="1594">
                <a:noFill/>
                <a:prstDash val="solid"/>
                <a:miter/>
              </a:ln>
            </p:spPr>
            <p:txBody>
              <a:bodyPr anchor="ctr" rtlCol="0"/>
              <a:lstStyle/>
              <a:p>
                <a:endParaRPr lang="es-ES"/>
              </a:p>
            </p:txBody>
          </p:sp>
        </p:grpSp>
      </p:grpSp>
      <p:grpSp>
        <p:nvGrpSpPr>
          <p:cNvPr id="62" name="Group 61">
            <a:extLst>
              <a:ext uri="{FF2B5EF4-FFF2-40B4-BE49-F238E27FC236}">
                <a16:creationId xmlns:a16="http://schemas.microsoft.com/office/drawing/2014/main" id="{DB9E8880-9C31-1B83-D7F1-1635E053853B}"/>
              </a:ext>
            </a:extLst>
          </p:cNvPr>
          <p:cNvGrpSpPr/>
          <p:nvPr/>
        </p:nvGrpSpPr>
        <p:grpSpPr>
          <a:xfrm>
            <a:off x="5010941" y="2519079"/>
            <a:ext cx="2170117" cy="1663777"/>
            <a:chOff x="5042099" y="2205086"/>
            <a:chExt cx="2170117" cy="1663777"/>
          </a:xfrm>
        </p:grpSpPr>
        <p:grpSp>
          <p:nvGrpSpPr>
            <p:cNvPr id="49" name="Group 48">
              <a:extLst>
                <a:ext uri="{FF2B5EF4-FFF2-40B4-BE49-F238E27FC236}">
                  <a16:creationId xmlns:a16="http://schemas.microsoft.com/office/drawing/2014/main" id="{4D4B4018-D05E-CF9B-75C8-7E26EB4C0F07}"/>
                </a:ext>
              </a:extLst>
            </p:cNvPr>
            <p:cNvGrpSpPr/>
            <p:nvPr/>
          </p:nvGrpSpPr>
          <p:grpSpPr>
            <a:xfrm>
              <a:off x="5042099" y="2205086"/>
              <a:ext cx="1663776" cy="1663777"/>
              <a:chOff x="4939393" y="2097225"/>
              <a:chExt cx="1584048" cy="1584049"/>
            </a:xfrm>
          </p:grpSpPr>
          <p:sp>
            <p:nvSpPr>
              <p:cNvPr id="33" name="Freeform: Shape 32">
                <a:extLst>
                  <a:ext uri="{FF2B5EF4-FFF2-40B4-BE49-F238E27FC236}">
                    <a16:creationId xmlns:a16="http://schemas.microsoft.com/office/drawing/2014/main" id="{BE52BDE7-0911-2266-EA88-ADF9B5AFF076}"/>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48" name="Group 47">
                <a:extLst>
                  <a:ext uri="{FF2B5EF4-FFF2-40B4-BE49-F238E27FC236}">
                    <a16:creationId xmlns:a16="http://schemas.microsoft.com/office/drawing/2014/main" id="{54E152CE-A6A6-0167-9F5A-059B07133DC4}"/>
                  </a:ext>
                </a:extLst>
              </p:cNvPr>
              <p:cNvGrpSpPr/>
              <p:nvPr/>
            </p:nvGrpSpPr>
            <p:grpSpPr>
              <a:xfrm>
                <a:off x="5192227" y="2369148"/>
                <a:ext cx="1078380" cy="1040202"/>
                <a:chOff x="3448859" y="1386457"/>
                <a:chExt cx="1078380" cy="1040202"/>
              </a:xfrm>
            </p:grpSpPr>
            <p:sp>
              <p:nvSpPr>
                <p:cNvPr id="46" name="Freeform: Shape 45">
                  <a:extLst>
                    <a:ext uri="{FF2B5EF4-FFF2-40B4-BE49-F238E27FC236}">
                      <a16:creationId xmlns:a16="http://schemas.microsoft.com/office/drawing/2014/main" id="{1E9608F4-FD87-56B2-2C32-E82178BF03EF}"/>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47" name="Freeform: Shape 46">
                  <a:extLst>
                    <a:ext uri="{FF2B5EF4-FFF2-40B4-BE49-F238E27FC236}">
                      <a16:creationId xmlns:a16="http://schemas.microsoft.com/office/drawing/2014/main" id="{E8D88454-4531-F56B-D320-344B54C39CEF}"/>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39" name="Freeform: Shape 38">
              <a:extLst>
                <a:ext uri="{FF2B5EF4-FFF2-40B4-BE49-F238E27FC236}">
                  <a16:creationId xmlns:a16="http://schemas.microsoft.com/office/drawing/2014/main" id="{14995B1D-E0A3-5665-2C1C-E0084F852BF2}"/>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40" name="Graphic 30">
              <a:extLst>
                <a:ext uri="{FF2B5EF4-FFF2-40B4-BE49-F238E27FC236}">
                  <a16:creationId xmlns:a16="http://schemas.microsoft.com/office/drawing/2014/main" id="{B4B92DBB-8CDE-B162-11EC-A7E19B60C649}"/>
                </a:ext>
              </a:extLst>
            </p:cNvPr>
            <p:cNvGrpSpPr/>
            <p:nvPr/>
          </p:nvGrpSpPr>
          <p:grpSpPr>
            <a:xfrm>
              <a:off x="6382743" y="2556395"/>
              <a:ext cx="829473" cy="829474"/>
              <a:chOff x="5945741" y="2242429"/>
              <a:chExt cx="1307468" cy="1307469"/>
            </a:xfrm>
          </p:grpSpPr>
          <p:sp>
            <p:nvSpPr>
              <p:cNvPr id="41" name="Freeform: Shape 40">
                <a:extLst>
                  <a:ext uri="{FF2B5EF4-FFF2-40B4-BE49-F238E27FC236}">
                    <a16:creationId xmlns:a16="http://schemas.microsoft.com/office/drawing/2014/main" id="{E8146D82-F20E-BB67-8C52-B0FF9624CE3B}"/>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42" name="Freeform: Shape 41">
                <a:extLst>
                  <a:ext uri="{FF2B5EF4-FFF2-40B4-BE49-F238E27FC236}">
                    <a16:creationId xmlns:a16="http://schemas.microsoft.com/office/drawing/2014/main" id="{AF7301F0-6C81-EC26-4444-0D17C0381A00}"/>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65" name="!!sharingbox">
            <a:extLst>
              <a:ext uri="{FF2B5EF4-FFF2-40B4-BE49-F238E27FC236}">
                <a16:creationId xmlns:a16="http://schemas.microsoft.com/office/drawing/2014/main" id="{BCEF0AFE-9541-4EBC-6C8D-7D640F6304B3}"/>
              </a:ext>
            </a:extLst>
          </p:cNvPr>
          <p:cNvSpPr/>
          <p:nvPr/>
        </p:nvSpPr>
        <p:spPr>
          <a:xfrm>
            <a:off x="1402245" y="154794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sp>
        <p:nvSpPr>
          <p:cNvPr id="66" name="userbox">
            <a:extLst>
              <a:ext uri="{FF2B5EF4-FFF2-40B4-BE49-F238E27FC236}">
                <a16:creationId xmlns:a16="http://schemas.microsoft.com/office/drawing/2014/main" id="{83F041A6-A3FC-E843-AE0C-44C78FD70E0B}"/>
              </a:ext>
            </a:extLst>
          </p:cNvPr>
          <p:cNvSpPr/>
          <p:nvPr/>
        </p:nvSpPr>
        <p:spPr>
          <a:xfrm>
            <a:off x="4776329" y="154794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sp>
        <p:nvSpPr>
          <p:cNvPr id="67" name="orgunitbox">
            <a:extLst>
              <a:ext uri="{FF2B5EF4-FFF2-40B4-BE49-F238E27FC236}">
                <a16:creationId xmlns:a16="http://schemas.microsoft.com/office/drawing/2014/main" id="{6077C167-027D-A9A1-FDF9-6B4D0310577A}"/>
              </a:ext>
            </a:extLst>
          </p:cNvPr>
          <p:cNvSpPr/>
          <p:nvPr/>
        </p:nvSpPr>
        <p:spPr>
          <a:xfrm>
            <a:off x="8150414" y="154794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cacf52e637e3c79a2608a456b2236a5">
            <a:pPr algn="ctr"/>
            <a:r>
              <a:rPr lang="es-ES" sz="2400"/>
              <a:t>Configuration des unités d'organisation</a:t>
            </a:r>
            <a:endParaRPr dirty="0" lang="en-NO" sz="2400"/>
          </a:p>
        </p:txBody>
      </p:sp>
    </p:spTree>
    <p:custDataLst>
      <p:tags r:id="rId1"/>
    </p:custDataLst>
    <p:extLst>
      <p:ext uri="{BB962C8B-B14F-4D97-AF65-F5344CB8AC3E}">
        <p14:creationId xmlns:p14="http://schemas.microsoft.com/office/powerpoint/2010/main" val="4088186051"/>
      </p:ext>
    </p:extLst>
  </p:cSld>
  <p:clrMapOvr>
    <a:masterClrMapping/>
  </p:clrMapOvr>
  <mc:AlternateContent xmlns:mc="http://schemas.openxmlformats.org/markup-compatibility/2006" xmlns:p159="http://schemas.microsoft.com/office/powerpoint/2015/09/main">
    <mc:Choice Requires="p159">
      <p:transition advTm="11850" spd="slow">
        <p159:morph option="byObject"/>
      </p:transition>
    </mc:Choice>
    <mc:Fallback xmlns="">
      <p:transition advTm="11850"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66"/>
                                        </p:tgtEl>
                                        <p:attrNameLst>
                                          <p:attrName>style.visibility</p:attrName>
                                        </p:attrNameLst>
                                      </p:cBhvr>
                                      <p:to>
                                        <p:strVal val="visible"/>
                                      </p:to>
                                    </p:set>
                                    <p:anim calcmode="lin" valueType="num">
                                      <p:cBhvr>
                                        <p:cTn dur="500" fill="hold" id="7"/>
                                        <p:tgtEl>
                                          <p:spTgt spid="66"/>
                                        </p:tgtEl>
                                        <p:attrNameLst>
                                          <p:attrName>ppt_w</p:attrName>
                                        </p:attrNameLst>
                                      </p:cBhvr>
                                      <p:tavLst>
                                        <p:tav tm="0">
                                          <p:val>
                                            <p:fltVal val="0"/>
                                          </p:val>
                                        </p:tav>
                                        <p:tav tm="100000">
                                          <p:val>
                                            <p:strVal val="#ppt_w"/>
                                          </p:val>
                                        </p:tav>
                                      </p:tavLst>
                                    </p:anim>
                                    <p:anim calcmode="lin" valueType="num">
                                      <p:cBhvr>
                                        <p:cTn dur="500" fill="hold" id="8"/>
                                        <p:tgtEl>
                                          <p:spTgt spid="66"/>
                                        </p:tgtEl>
                                        <p:attrNameLst>
                                          <p:attrName>ppt_h</p:attrName>
                                        </p:attrNameLst>
                                      </p:cBhvr>
                                      <p:tavLst>
                                        <p:tav tm="0">
                                          <p:val>
                                            <p:fltVal val="0"/>
                                          </p:val>
                                        </p:tav>
                                        <p:tav tm="100000">
                                          <p:val>
                                            <p:strVal val="#ppt_h"/>
                                          </p:val>
                                        </p:tav>
                                      </p:tavLst>
                                    </p:anim>
                                    <p:animEffect filter="fade" transition="in">
                                      <p:cBhvr>
                                        <p:cTn dur="500" id="9"/>
                                        <p:tgtEl>
                                          <p:spTgt spid="66"/>
                                        </p:tgtEl>
                                      </p:cBhvr>
                                    </p:animEffect>
                                  </p:childTnLst>
                                </p:cTn>
                              </p:par>
                              <p:par>
                                <p:cTn fill="hold" id="10" nodeType="withEffect" presetClass="entr" presetID="53" presetSubtype="16">
                                  <p:stCondLst>
                                    <p:cond delay="0"/>
                                  </p:stCondLst>
                                  <p:childTnLst>
                                    <p:set>
                                      <p:cBhvr>
                                        <p:cTn dur="1" fill="hold" id="11">
                                          <p:stCondLst>
                                            <p:cond delay="0"/>
                                          </p:stCondLst>
                                        </p:cTn>
                                        <p:tgtEl>
                                          <p:spTgt spid="62"/>
                                        </p:tgtEl>
                                        <p:attrNameLst>
                                          <p:attrName>style.visibility</p:attrName>
                                        </p:attrNameLst>
                                      </p:cBhvr>
                                      <p:to>
                                        <p:strVal val="visible"/>
                                      </p:to>
                                    </p:set>
                                    <p:anim calcmode="lin" valueType="num">
                                      <p:cBhvr>
                                        <p:cTn dur="500" fill="hold" id="12"/>
                                        <p:tgtEl>
                                          <p:spTgt spid="62"/>
                                        </p:tgtEl>
                                        <p:attrNameLst>
                                          <p:attrName>ppt_w</p:attrName>
                                        </p:attrNameLst>
                                      </p:cBhvr>
                                      <p:tavLst>
                                        <p:tav tm="0">
                                          <p:val>
                                            <p:fltVal val="0"/>
                                          </p:val>
                                        </p:tav>
                                        <p:tav tm="100000">
                                          <p:val>
                                            <p:strVal val="#ppt_w"/>
                                          </p:val>
                                        </p:tav>
                                      </p:tavLst>
                                    </p:anim>
                                    <p:anim calcmode="lin" valueType="num">
                                      <p:cBhvr>
                                        <p:cTn dur="500" fill="hold" id="13"/>
                                        <p:tgtEl>
                                          <p:spTgt spid="62"/>
                                        </p:tgtEl>
                                        <p:attrNameLst>
                                          <p:attrName>ppt_h</p:attrName>
                                        </p:attrNameLst>
                                      </p:cBhvr>
                                      <p:tavLst>
                                        <p:tav tm="0">
                                          <p:val>
                                            <p:fltVal val="0"/>
                                          </p:val>
                                        </p:tav>
                                        <p:tav tm="100000">
                                          <p:val>
                                            <p:strVal val="#ppt_h"/>
                                          </p:val>
                                        </p:tav>
                                      </p:tavLst>
                                    </p:anim>
                                    <p:animEffect filter="fade" transition="in">
                                      <p:cBhvr>
                                        <p:cTn dur="500" id="14"/>
                                        <p:tgtEl>
                                          <p:spTgt spid="62"/>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53" presetSubtype="16">
                                  <p:stCondLst>
                                    <p:cond delay="0"/>
                                  </p:stCondLst>
                                  <p:childTnLst>
                                    <p:set>
                                      <p:cBhvr>
                                        <p:cTn dur="1" fill="hold" id="18">
                                          <p:stCondLst>
                                            <p:cond delay="0"/>
                                          </p:stCondLst>
                                        </p:cTn>
                                        <p:tgtEl>
                                          <p:spTgt spid="67"/>
                                        </p:tgtEl>
                                        <p:attrNameLst>
                                          <p:attrName>style.visibility</p:attrName>
                                        </p:attrNameLst>
                                      </p:cBhvr>
                                      <p:to>
                                        <p:strVal val="visible"/>
                                      </p:to>
                                    </p:set>
                                    <p:anim calcmode="lin" valueType="num">
                                      <p:cBhvr>
                                        <p:cTn dur="500" fill="hold" id="19"/>
                                        <p:tgtEl>
                                          <p:spTgt spid="67"/>
                                        </p:tgtEl>
                                        <p:attrNameLst>
                                          <p:attrName>ppt_w</p:attrName>
                                        </p:attrNameLst>
                                      </p:cBhvr>
                                      <p:tavLst>
                                        <p:tav tm="0">
                                          <p:val>
                                            <p:fltVal val="0"/>
                                          </p:val>
                                        </p:tav>
                                        <p:tav tm="100000">
                                          <p:val>
                                            <p:strVal val="#ppt_w"/>
                                          </p:val>
                                        </p:tav>
                                      </p:tavLst>
                                    </p:anim>
                                    <p:anim calcmode="lin" valueType="num">
                                      <p:cBhvr>
                                        <p:cTn dur="500" fill="hold" id="20"/>
                                        <p:tgtEl>
                                          <p:spTgt spid="67"/>
                                        </p:tgtEl>
                                        <p:attrNameLst>
                                          <p:attrName>ppt_h</p:attrName>
                                        </p:attrNameLst>
                                      </p:cBhvr>
                                      <p:tavLst>
                                        <p:tav tm="0">
                                          <p:val>
                                            <p:fltVal val="0"/>
                                          </p:val>
                                        </p:tav>
                                        <p:tav tm="100000">
                                          <p:val>
                                            <p:strVal val="#ppt_h"/>
                                          </p:val>
                                        </p:tav>
                                      </p:tavLst>
                                    </p:anim>
                                    <p:animEffect filter="fade" transition="in">
                                      <p:cBhvr>
                                        <p:cTn dur="500" id="21"/>
                                        <p:tgtEl>
                                          <p:spTgt spid="67"/>
                                        </p:tgtEl>
                                      </p:cBhvr>
                                    </p:animEffect>
                                  </p:childTnLst>
                                </p:cTn>
                              </p:par>
                              <p:par>
                                <p:cTn fill="hold" id="22" nodeType="withEffect" presetClass="entr" presetID="53" presetSubtype="16">
                                  <p:stCondLst>
                                    <p:cond delay="0"/>
                                  </p:stCondLst>
                                  <p:childTnLst>
                                    <p:set>
                                      <p:cBhvr>
                                        <p:cTn dur="1" fill="hold" id="23">
                                          <p:stCondLst>
                                            <p:cond delay="0"/>
                                          </p:stCondLst>
                                        </p:cTn>
                                        <p:tgtEl>
                                          <p:spTgt spid="63"/>
                                        </p:tgtEl>
                                        <p:attrNameLst>
                                          <p:attrName>style.visibility</p:attrName>
                                        </p:attrNameLst>
                                      </p:cBhvr>
                                      <p:to>
                                        <p:strVal val="visible"/>
                                      </p:to>
                                    </p:set>
                                    <p:anim calcmode="lin" valueType="num">
                                      <p:cBhvr>
                                        <p:cTn dur="500" fill="hold" id="24"/>
                                        <p:tgtEl>
                                          <p:spTgt spid="63"/>
                                        </p:tgtEl>
                                        <p:attrNameLst>
                                          <p:attrName>ppt_w</p:attrName>
                                        </p:attrNameLst>
                                      </p:cBhvr>
                                      <p:tavLst>
                                        <p:tav tm="0">
                                          <p:val>
                                            <p:fltVal val="0"/>
                                          </p:val>
                                        </p:tav>
                                        <p:tav tm="100000">
                                          <p:val>
                                            <p:strVal val="#ppt_w"/>
                                          </p:val>
                                        </p:tav>
                                      </p:tavLst>
                                    </p:anim>
                                    <p:anim calcmode="lin" valueType="num">
                                      <p:cBhvr>
                                        <p:cTn dur="500" fill="hold" id="25"/>
                                        <p:tgtEl>
                                          <p:spTgt spid="63"/>
                                        </p:tgtEl>
                                        <p:attrNameLst>
                                          <p:attrName>ppt_h</p:attrName>
                                        </p:attrNameLst>
                                      </p:cBhvr>
                                      <p:tavLst>
                                        <p:tav tm="0">
                                          <p:val>
                                            <p:fltVal val="0"/>
                                          </p:val>
                                        </p:tav>
                                        <p:tav tm="100000">
                                          <p:val>
                                            <p:strVal val="#ppt_h"/>
                                          </p:val>
                                        </p:tav>
                                      </p:tavLst>
                                    </p:anim>
                                    <p:animEffect filter="fade" transition="in">
                                      <p:cBhvr>
                                        <p:cTn dur="500" id="26"/>
                                        <p:tgtEl>
                                          <p:spTgt spid="63"/>
                                        </p:tgtEl>
                                      </p:cBhvr>
                                    </p:animEffect>
                                  </p:childTnLst>
                                </p:cTn>
                              </p:par>
                            </p:childTnLst>
                          </p:cTn>
                        </p:par>
                      </p:childTnLst>
                    </p:cTn>
                  </p:par>
                  <p:par>
                    <p:cTn fill="hold" id="27">
                      <p:stCondLst>
                        <p:cond delay="indefinite"/>
                      </p:stCondLst>
                      <p:childTnLst>
                        <p:par>
                          <p:cTn fill="hold" id="28">
                            <p:stCondLst>
                              <p:cond delay="0"/>
                            </p:stCondLst>
                            <p:childTnLst>
                              <p:par>
                                <p:cTn fill="hold" grpId="0" id="29" nodeType="clickEffect" presetClass="entr" presetID="22" presetSubtype="1">
                                  <p:stCondLst>
                                    <p:cond delay="0"/>
                                  </p:stCondLst>
                                  <p:childTnLst>
                                    <p:set>
                                      <p:cBhvr>
                                        <p:cTn dur="1" fill="hold" id="30">
                                          <p:stCondLst>
                                            <p:cond delay="0"/>
                                          </p:stCondLst>
                                        </p:cTn>
                                        <p:tgtEl>
                                          <p:spTgt spid="20"/>
                                        </p:tgtEl>
                                        <p:attrNameLst>
                                          <p:attrName>style.visibility</p:attrName>
                                        </p:attrNameLst>
                                      </p:cBhvr>
                                      <p:to>
                                        <p:strVal val="visible"/>
                                      </p:to>
                                    </p:set>
                                    <p:animEffect filter="wipe(up)" transition="in">
                                      <p:cBhvr>
                                        <p:cTn dur="500" id="31"/>
                                        <p:tgtEl>
                                          <p:spTgt spid="20"/>
                                        </p:tgtEl>
                                      </p:cBhvr>
                                    </p:animEffect>
                                  </p:childTnLst>
                                </p:cTn>
                              </p:par>
                            </p:childTnLst>
                          </p:cTn>
                        </p:par>
                        <p:par>
                          <p:cTn fill="hold" id="32">
                            <p:stCondLst>
                              <p:cond delay="500"/>
                            </p:stCondLst>
                            <p:childTnLst>
                              <p:par>
                                <p:cTn fill="hold" grpId="0" id="33" nodeType="afterEffect" presetClass="entr" presetID="10" presetSubtype="0">
                                  <p:stCondLst>
                                    <p:cond delay="0"/>
                                  </p:stCondLst>
                                  <p:childTnLst>
                                    <p:set>
                                      <p:cBhvr>
                                        <p:cTn dur="1" fill="hold" id="34">
                                          <p:stCondLst>
                                            <p:cond delay="0"/>
                                          </p:stCondLst>
                                        </p:cTn>
                                        <p:tgtEl>
                                          <p:spTgt spid="21"/>
                                        </p:tgtEl>
                                        <p:attrNameLst>
                                          <p:attrName>style.visibility</p:attrName>
                                        </p:attrNameLst>
                                      </p:cBhvr>
                                      <p:to>
                                        <p:strVal val="visible"/>
                                      </p:to>
                                    </p:set>
                                    <p:animEffect filter="fade" transition="in">
                                      <p:cBhvr>
                                        <p:cTn dur="500" id="35"/>
                                        <p:tgtEl>
                                          <p:spTgt spid="21"/>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20"/>
      <p:bldP grpId="0" spid="21"/>
      <p:bldP animBg="1" grpId="0" spid="66"/>
      <p:bldP animBg="1" grpId="0" spid="67"/>
    </p:bldLst>
  </p:timing>
</p:sld>
</file>

<file path=ppt/slides/slide5.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A1D1D1-AEC4-3388-AC49-2BAA9AFC8F01}"/>
              </a:ext>
            </a:extLst>
          </p:cNvPr>
          <p:cNvSpPr>
            <a:spLocks noGrp="1"/>
          </p:cNvSpPr>
          <p:nvPr>
            <p:ph type="title"/>
          </p:nvPr>
        </p:nvSpPr>
        <p:spPr/>
        <p:txBody>
          <a:bodyPr/>
          <a:lstStyle/>
          <a:p txid="13c9d5a7b0102e8ea22d81967a791e80">
            <a:r>
              <a:rPr dirty="0" lang="en-US"/>
              <a:t>Dans cette vidéo, vous verrez…</a:t>
            </a:r>
            <a:endParaRPr dirty="0" lang="en-NO"/>
          </a:p>
        </p:txBody>
      </p:sp>
      <p:grpSp>
        <p:nvGrpSpPr>
          <p:cNvPr id="13" name="!!sharing">
            <a:extLst>
              <a:ext uri="{FF2B5EF4-FFF2-40B4-BE49-F238E27FC236}">
                <a16:creationId xmlns:a16="http://schemas.microsoft.com/office/drawing/2014/main" id="{EB3C9628-53DE-3EDA-F1EA-A1D41CB7A31B}"/>
              </a:ext>
            </a:extLst>
          </p:cNvPr>
          <p:cNvGrpSpPr/>
          <p:nvPr/>
        </p:nvGrpSpPr>
        <p:grpSpPr>
          <a:xfrm>
            <a:off x="2823937" y="2489713"/>
            <a:ext cx="2171205" cy="2335773"/>
            <a:chOff x="1333500" y="1969731"/>
            <a:chExt cx="1862941" cy="2004144"/>
          </a:xfrm>
        </p:grpSpPr>
        <p:sp>
          <p:nvSpPr>
            <p:cNvPr id="14" name="Freeform 22">
              <a:extLst>
                <a:ext uri="{FF2B5EF4-FFF2-40B4-BE49-F238E27FC236}">
                  <a16:creationId xmlns:a16="http://schemas.microsoft.com/office/drawing/2014/main" id="{19E638B9-F437-39F7-D261-4547430A4783}"/>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16" name="Group 15">
              <a:extLst>
                <a:ext uri="{FF2B5EF4-FFF2-40B4-BE49-F238E27FC236}">
                  <a16:creationId xmlns:a16="http://schemas.microsoft.com/office/drawing/2014/main" id="{D70E3C94-5BC2-05DA-79E8-4B93D63FE554}"/>
                </a:ext>
              </a:extLst>
            </p:cNvPr>
            <p:cNvGrpSpPr/>
            <p:nvPr/>
          </p:nvGrpSpPr>
          <p:grpSpPr>
            <a:xfrm>
              <a:off x="1746057" y="1969731"/>
              <a:ext cx="923284" cy="861233"/>
              <a:chOff x="2866244" y="2493706"/>
              <a:chExt cx="1072382" cy="1000311"/>
            </a:xfrm>
          </p:grpSpPr>
          <p:sp>
            <p:nvSpPr>
              <p:cNvPr id="24" name="Freeform 23">
                <a:extLst>
                  <a:ext uri="{FF2B5EF4-FFF2-40B4-BE49-F238E27FC236}">
                    <a16:creationId xmlns:a16="http://schemas.microsoft.com/office/drawing/2014/main" id="{02DACAE9-DDBE-58EC-E030-CFAE79B54ED3}"/>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5" name="Freeform 24">
                <a:extLst>
                  <a:ext uri="{FF2B5EF4-FFF2-40B4-BE49-F238E27FC236}">
                    <a16:creationId xmlns:a16="http://schemas.microsoft.com/office/drawing/2014/main" id="{71AFC277-95FD-E27C-5456-174E8D31F6CC}"/>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17" name="Group 16">
              <a:extLst>
                <a:ext uri="{FF2B5EF4-FFF2-40B4-BE49-F238E27FC236}">
                  <a16:creationId xmlns:a16="http://schemas.microsoft.com/office/drawing/2014/main" id="{AB6F9CCC-CD9C-2E99-0263-161637EBCF0B}"/>
                </a:ext>
              </a:extLst>
            </p:cNvPr>
            <p:cNvGrpSpPr/>
            <p:nvPr/>
          </p:nvGrpSpPr>
          <p:grpSpPr>
            <a:xfrm>
              <a:off x="1784364" y="3136309"/>
              <a:ext cx="846670" cy="837566"/>
              <a:chOff x="3040063" y="3848672"/>
              <a:chExt cx="983396" cy="972822"/>
            </a:xfrm>
          </p:grpSpPr>
          <p:sp>
            <p:nvSpPr>
              <p:cNvPr id="22" name="Freeform 28">
                <a:extLst>
                  <a:ext uri="{FF2B5EF4-FFF2-40B4-BE49-F238E27FC236}">
                    <a16:creationId xmlns:a16="http://schemas.microsoft.com/office/drawing/2014/main" id="{431DC66B-70D5-2260-2B96-DC5931FF9D29}"/>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3" name="Freeform 29">
                <a:extLst>
                  <a:ext uri="{FF2B5EF4-FFF2-40B4-BE49-F238E27FC236}">
                    <a16:creationId xmlns:a16="http://schemas.microsoft.com/office/drawing/2014/main" id="{31AB2977-125B-5D1C-4D43-E7E8B9A29A1A}"/>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18" name="Freeform: Shape 17">
              <a:extLst>
                <a:ext uri="{FF2B5EF4-FFF2-40B4-BE49-F238E27FC236}">
                  <a16:creationId xmlns:a16="http://schemas.microsoft.com/office/drawing/2014/main" id="{6A7113CB-0075-CF19-3AD3-4FABF43A56F6}"/>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19" name="Graphic 24">
              <a:extLst>
                <a:ext uri="{FF2B5EF4-FFF2-40B4-BE49-F238E27FC236}">
                  <a16:creationId xmlns:a16="http://schemas.microsoft.com/office/drawing/2014/main" id="{9137C7EC-90B6-CB26-CD62-8BE16EC3B67B}"/>
                </a:ext>
              </a:extLst>
            </p:cNvPr>
            <p:cNvGrpSpPr/>
            <p:nvPr/>
          </p:nvGrpSpPr>
          <p:grpSpPr>
            <a:xfrm>
              <a:off x="2323290" y="2517060"/>
              <a:ext cx="873151" cy="873151"/>
              <a:chOff x="2323290" y="2517060"/>
              <a:chExt cx="873151" cy="873151"/>
            </a:xfrm>
          </p:grpSpPr>
          <p:sp>
            <p:nvSpPr>
              <p:cNvPr id="20" name="Freeform: Shape 19">
                <a:extLst>
                  <a:ext uri="{FF2B5EF4-FFF2-40B4-BE49-F238E27FC236}">
                    <a16:creationId xmlns:a16="http://schemas.microsoft.com/office/drawing/2014/main" id="{5B5C40E2-D5CB-E09E-E1EE-E789B05CA6B2}"/>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21" name="Freeform: Shape 20">
                <a:extLst>
                  <a:ext uri="{FF2B5EF4-FFF2-40B4-BE49-F238E27FC236}">
                    <a16:creationId xmlns:a16="http://schemas.microsoft.com/office/drawing/2014/main" id="{AF6493DD-161A-857A-BD43-48317519BBDF}"/>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
        <p:nvSpPr>
          <p:cNvPr id="26" name="!!sharingbox">
            <a:extLst>
              <a:ext uri="{FF2B5EF4-FFF2-40B4-BE49-F238E27FC236}">
                <a16:creationId xmlns:a16="http://schemas.microsoft.com/office/drawing/2014/main" id="{88A96034-B150-C525-F729-8C34D829BEDC}"/>
              </a:ext>
            </a:extLst>
          </p:cNvPr>
          <p:cNvSpPr/>
          <p:nvPr/>
        </p:nvSpPr>
        <p:spPr>
          <a:xfrm>
            <a:off x="2593736" y="1576338"/>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sp>
        <p:nvSpPr>
          <p:cNvPr id="4" name="TextBox 3">
            <a:extLst>
              <a:ext uri="{FF2B5EF4-FFF2-40B4-BE49-F238E27FC236}">
                <a16:creationId xmlns:a16="http://schemas.microsoft.com/office/drawing/2014/main" id="{C8742CF3-6A8D-A69C-F5E1-7F8E10D8B44C}"/>
              </a:ext>
            </a:extLst>
          </p:cNvPr>
          <p:cNvSpPr txBox="1"/>
          <p:nvPr/>
        </p:nvSpPr>
        <p:spPr>
          <a:xfrm>
            <a:off x="6156034" y="2560548"/>
            <a:ext cx="3897746" cy="2180405"/>
          </a:xfrm>
          <a:prstGeom prst="rect">
            <a:avLst/>
          </a:prstGeom>
          <a:noFill/>
        </p:spPr>
        <p:txBody>
          <a:bodyPr rtlCol="0" wrap="square">
            <a:spAutoFit/>
          </a:bodyPr>
          <a:lstStyle/>
          <a:p txid="aceb66ee0423a326c3a0cccee7483051">
            <a:pPr algn="l" indent="-342900" marL="342900">
              <a:lnSpc>
                <a:spcPts val="3300"/>
              </a:lnSpc>
              <a:buClr>
                <a:srgbClr val="008CCF"/>
              </a:buClr>
              <a:buFont charset="-79" pitchFamily="2" typeface="Rubik"/>
              <a:buChar char="•"/>
            </a:pPr>
            <a:r>
              <a:rPr lang="es-ES" sz="2400"/>
              <a:t>Comment gérer les paramètres de partage dans DHIS2</a:t>
            </a:r>
          </a:p>
          <a:p txid="48bbf3a29909312b0207acab78c16b4f">
            <a:pPr algn="l" indent="-342900" marL="342900">
              <a:lnSpc>
                <a:spcPts val="3300"/>
              </a:lnSpc>
              <a:buClr>
                <a:srgbClr val="008CCF"/>
              </a:buClr>
              <a:buFont charset="-79" pitchFamily="2" typeface="Rubik"/>
              <a:buChar char="•"/>
            </a:pPr>
            <a:r>
              <a:rPr lang="es-ES" sz="2400"/>
              <a:t>Comment autoriser des utilisateurs et groupes d'utilisateurs à accéder aux métadonnées et aux données</a:t>
            </a:r>
          </a:p>
        </p:txBody>
      </p:sp>
    </p:spTree>
    <p:custDataLst>
      <p:tags r:id="rId1"/>
    </p:custDataLst>
    <p:extLst>
      <p:ext uri="{BB962C8B-B14F-4D97-AF65-F5344CB8AC3E}">
        <p14:creationId xmlns:p14="http://schemas.microsoft.com/office/powerpoint/2010/main" val="2583794871"/>
      </p:ext>
    </p:extLst>
  </p:cSld>
  <p:clrMapOvr>
    <a:masterClrMapping/>
  </p:clrMapOvr>
  <mc:AlternateContent xmlns:mc="http://schemas.openxmlformats.org/markup-compatibility/2006" xmlns:p159="http://schemas.microsoft.com/office/powerpoint/2015/09/main">
    <mc:Choice Requires="p159">
      <p:transition advTm="14793" spd="slow">
        <p159:morph option="byObject"/>
      </p:transition>
    </mc:Choice>
    <mc:Fallback xmlns="">
      <p:transition advTm="14793"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4">
                                            <p:txEl>
                                              <p:pRg end="0" st="0"/>
                                            </p:txEl>
                                          </p:spTgt>
                                        </p:tgtEl>
                                        <p:attrNameLst>
                                          <p:attrName>style.visibility</p:attrName>
                                        </p:attrNameLst>
                                      </p:cBhvr>
                                      <p:to>
                                        <p:strVal val="visible"/>
                                      </p:to>
                                    </p:set>
                                    <p:animEffect filter="fade" transition="in">
                                      <p:cBhvr>
                                        <p:cTn dur="500" id="7"/>
                                        <p:tgtEl>
                                          <p:spTgt spid="4">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4">
                                            <p:txEl>
                                              <p:pRg end="1" st="1"/>
                                            </p:txEl>
                                          </p:spTgt>
                                        </p:tgtEl>
                                        <p:attrNameLst>
                                          <p:attrName>style.visibility</p:attrName>
                                        </p:attrNameLst>
                                      </p:cBhvr>
                                      <p:to>
                                        <p:strVal val="visible"/>
                                      </p:to>
                                    </p:set>
                                    <p:animEffect filter="fade" transition="in">
                                      <p:cBhvr>
                                        <p:cTn dur="500" id="12"/>
                                        <p:tgtEl>
                                          <p:spTgt spid="4">
                                            <p:txEl>
                                              <p:pRg end="1" st="1"/>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4" uiExpand="1"/>
    </p:bldLst>
  </p:timing>
</p:sld>
</file>

<file path=ppt/slides/slide6.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AF50494-65A2-DB48-69D8-2704FA57F286}"/>
              </a:ext>
            </a:extLst>
          </p:cNvPr>
          <p:cNvSpPr>
            <a:spLocks noGrp="1"/>
          </p:cNvSpPr>
          <p:nvPr>
            <p:ph type="title"/>
          </p:nvPr>
        </p:nvSpPr>
        <p:spPr/>
        <p:txBody>
          <a:bodyPr/>
          <a:lstStyle/>
          <a:p txid="658414e92a50255fe3de01c47dce6e08">
            <a:r>
              <a:rPr lang="es-ES"/>
              <a:t>Contrôle d'accès dans DHIS2</a:t>
            </a:r>
            <a:endParaRPr lang="en-NO"/>
          </a:p>
        </p:txBody>
      </p:sp>
      <p:sp>
        <p:nvSpPr>
          <p:cNvPr id="16" name="Rounded Rectangle 15">
            <a:extLst>
              <a:ext uri="{FF2B5EF4-FFF2-40B4-BE49-F238E27FC236}">
                <a16:creationId xmlns:a16="http://schemas.microsoft.com/office/drawing/2014/main" id="{7D26F199-DDC5-1E7D-F0FA-93CDD7BE44E4}"/>
              </a:ext>
            </a:extLst>
          </p:cNvPr>
          <p:cNvSpPr/>
          <p:nvPr/>
        </p:nvSpPr>
        <p:spPr>
          <a:xfrm>
            <a:off x="4882974" y="2746931"/>
            <a:ext cx="245838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2dfb0653f332680d917a6b6df872e89">
            <a:pPr algn="ctr"/>
            <a:r>
              <a:rPr dirty="0" lang="en-NO" sz="2400"/>
              <a:t>Sécurité</a:t>
            </a:r>
          </a:p>
        </p:txBody>
      </p:sp>
      <p:sp>
        <p:nvSpPr>
          <p:cNvPr id="18" name="Rounded Rectangle 17">
            <a:extLst>
              <a:ext uri="{FF2B5EF4-FFF2-40B4-BE49-F238E27FC236}">
                <a16:creationId xmlns:a16="http://schemas.microsoft.com/office/drawing/2014/main" id="{62EA631F-48C9-0ABB-13A3-002C6A9E7878}"/>
              </a:ext>
            </a:extLst>
          </p:cNvPr>
          <p:cNvSpPr/>
          <p:nvPr/>
        </p:nvSpPr>
        <p:spPr>
          <a:xfrm>
            <a:off x="4841409" y="3894029"/>
            <a:ext cx="245838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7ce962be80cd2215ba7947036ac6e046">
            <a:pPr algn="ctr"/>
            <a:r>
              <a:rPr dirty="0" lang="en-NO" sz="2400"/>
              <a:t>Facilité d'utilisation</a:t>
            </a:r>
          </a:p>
        </p:txBody>
      </p:sp>
      <p:sp>
        <p:nvSpPr>
          <p:cNvPr id="19" name="TextBox 18">
            <a:extLst>
              <a:ext uri="{FF2B5EF4-FFF2-40B4-BE49-F238E27FC236}">
                <a16:creationId xmlns:a16="http://schemas.microsoft.com/office/drawing/2014/main" id="{6EEA08CE-3405-DEC2-1B01-EC43D92D33A4}"/>
              </a:ext>
            </a:extLst>
          </p:cNvPr>
          <p:cNvSpPr txBox="1"/>
          <p:nvPr/>
        </p:nvSpPr>
        <p:spPr>
          <a:xfrm>
            <a:off x="7713924" y="2844256"/>
            <a:ext cx="3546612" cy="461665"/>
          </a:xfrm>
          <a:prstGeom prst="rect">
            <a:avLst/>
          </a:prstGeom>
          <a:noFill/>
        </p:spPr>
        <p:txBody>
          <a:bodyPr rtlCol="0" wrap="none">
            <a:spAutoFit/>
          </a:bodyPr>
          <a:lstStyle/>
          <a:p txid="b476a366910992931a235a1228da6403">
            <a:pPr algn="l" indent="-342900" marL="342900">
              <a:buClr>
                <a:srgbClr val="008CCF"/>
              </a:buClr>
              <a:buFont charset="-79" pitchFamily="2" typeface="Rubik"/>
              <a:buChar char="•"/>
            </a:pPr>
            <a:r>
              <a:rPr dirty="0" lang="en-US" sz="2400"/>
              <a:t>Garde les données sécurisées</a:t>
            </a:r>
            <a:r>
              <a:rPr dirty="0" lang="en-NO" sz="2400"/>
            </a:r>
          </a:p>
        </p:txBody>
      </p:sp>
      <p:sp>
        <p:nvSpPr>
          <p:cNvPr id="20" name="TextBox 19">
            <a:extLst>
              <a:ext uri="{FF2B5EF4-FFF2-40B4-BE49-F238E27FC236}">
                <a16:creationId xmlns:a16="http://schemas.microsoft.com/office/drawing/2014/main" id="{F50BCB1E-694A-D445-27AF-CE365D1F3D29}"/>
              </a:ext>
            </a:extLst>
          </p:cNvPr>
          <p:cNvSpPr txBox="1"/>
          <p:nvPr/>
        </p:nvSpPr>
        <p:spPr>
          <a:xfrm>
            <a:off x="7713924" y="3836740"/>
            <a:ext cx="3546612" cy="830997"/>
          </a:xfrm>
          <a:prstGeom prst="rect">
            <a:avLst/>
          </a:prstGeom>
          <a:noFill/>
        </p:spPr>
        <p:txBody>
          <a:bodyPr rtlCol="0" wrap="square">
            <a:spAutoFit/>
          </a:bodyPr>
          <a:lstStyle/>
          <a:p txid="79ee40d47573a3eb0a0d85fa0f80e853">
            <a:pPr algn="l" indent="-342900" marL="342900">
              <a:buClr>
                <a:srgbClr val="008CCF"/>
              </a:buClr>
              <a:buFont charset="-79" pitchFamily="2" typeface="Rubik"/>
              <a:buChar char="•"/>
            </a:pPr>
            <a:r>
              <a:rPr dirty="0" lang="en-US" sz="2400"/>
              <a:t>Rend la navigation dans DHIS2 plus facile</a:t>
            </a:r>
            <a:r>
              <a:rPr lang="en-NO" sz="2400"/>
            </a:r>
            <a:r>
              <a:rPr lang="es-ES" sz="2400"/>
            </a:r>
            <a:r>
              <a:rPr lang="en-NO" sz="2400"/>
            </a:r>
            <a:r>
              <a:rPr lang="es-ES" sz="2400"/>
              <a:t> </a:t>
            </a:r>
            <a:r>
              <a:rPr lang="en-NO" sz="2400"/>
            </a:r>
            <a:r>
              <a:rPr lang="es-ES" sz="2400"/>
              <a:t> </a:t>
            </a:r>
            <a:r>
              <a:rPr lang="en-NO" sz="2400"/>
            </a:r>
            <a:endParaRPr dirty="0" lang="en-NO" sz="2400"/>
          </a:p>
        </p:txBody>
      </p:sp>
      <p:sp>
        <p:nvSpPr>
          <p:cNvPr id="15" name="TextBox 14">
            <a:extLst>
              <a:ext uri="{FF2B5EF4-FFF2-40B4-BE49-F238E27FC236}">
                <a16:creationId xmlns:a16="http://schemas.microsoft.com/office/drawing/2014/main" id="{D2B416B7-7DBC-ED55-3C98-8838BA69E49D}"/>
              </a:ext>
            </a:extLst>
          </p:cNvPr>
          <p:cNvSpPr txBox="1"/>
          <p:nvPr/>
        </p:nvSpPr>
        <p:spPr>
          <a:xfrm>
            <a:off x="1439419" y="3426767"/>
            <a:ext cx="2418773" cy="461665"/>
          </a:xfrm>
          <a:prstGeom prst="rect">
            <a:avLst/>
          </a:prstGeom>
          <a:noFill/>
        </p:spPr>
        <p:txBody>
          <a:bodyPr rtlCol="0" wrap="square">
            <a:spAutoFit/>
          </a:bodyPr>
          <a:lstStyle/>
          <a:p txid="0096aaa9a12b31a1b2a070d9572680af">
            <a:pPr algn="ctr">
              <a:buClr>
                <a:srgbClr val="008CCF"/>
              </a:buClr>
            </a:pPr>
            <a:r>
              <a:rPr lang="es-ES" sz="2400"/>
              <a:t>Contrôle d'accès</a:t>
            </a:r>
          </a:p>
        </p:txBody>
      </p:sp>
      <p:cxnSp>
        <p:nvCxnSpPr>
          <p:cNvPr id="8" name="Connector: Elbow 7">
            <a:extLst>
              <a:ext uri="{FF2B5EF4-FFF2-40B4-BE49-F238E27FC236}">
                <a16:creationId xmlns:a16="http://schemas.microsoft.com/office/drawing/2014/main" id="{8E6F6697-0CF8-2F3E-6A65-4A0A5B768267}"/>
              </a:ext>
            </a:extLst>
          </p:cNvPr>
          <p:cNvCxnSpPr>
            <a:stCxn id="15" idx="3"/>
            <a:endCxn id="16" idx="1"/>
          </p:cNvCxnSpPr>
          <p:nvPr/>
        </p:nvCxnSpPr>
        <p:spPr>
          <a:xfrm flipV="1">
            <a:off x="3858192" y="3066971"/>
            <a:ext cx="1024782" cy="590629"/>
          </a:xfrm>
          <a:prstGeom prst="bentConnector3">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cxnSp>
        <p:nvCxnSpPr>
          <p:cNvPr id="11" name="Connector: Elbow 10">
            <a:extLst>
              <a:ext uri="{FF2B5EF4-FFF2-40B4-BE49-F238E27FC236}">
                <a16:creationId xmlns:a16="http://schemas.microsoft.com/office/drawing/2014/main" id="{5B381EB3-A616-FC82-FF54-E75037A1BDF9}"/>
              </a:ext>
            </a:extLst>
          </p:cNvPr>
          <p:cNvCxnSpPr>
            <a:stCxn id="15" idx="3"/>
            <a:endCxn id="18" idx="1"/>
          </p:cNvCxnSpPr>
          <p:nvPr/>
        </p:nvCxnSpPr>
        <p:spPr>
          <a:xfrm>
            <a:off x="3858192" y="3657600"/>
            <a:ext cx="983217" cy="556469"/>
          </a:xfrm>
          <a:prstGeom prst="bentConnector3">
            <a:avLst>
              <a:gd fmla="val 51879" name="adj1"/>
            </a:avLst>
          </a:prstGeom>
          <a:ln cap="rnd" w="53975">
            <a:solidFill>
              <a:schemeClr val="accent1"/>
            </a:solidFill>
            <a:prstDash val="solid"/>
            <a:headEnd len="lg" type="none" w="lg"/>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228693875"/>
      </p:ext>
    </p:extLst>
  </p:cSld>
  <p:clrMapOvr>
    <a:masterClrMapping/>
  </p:clrMapOvr>
  <mc:AlternateContent xmlns:mc="http://schemas.openxmlformats.org/markup-compatibility/2006" xmlns:p14="http://schemas.microsoft.com/office/powerpoint/2010/main">
    <mc:Choice Requires="p14">
      <p:transition advTm="32770" p14:dur="2000" spd="slow"/>
    </mc:Choice>
    <mc:Fallback xmlns="">
      <p:transition advTm="32770"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gtEl>
                                        <p:attrNameLst>
                                          <p:attrName>style.visibility</p:attrName>
                                        </p:attrNameLst>
                                      </p:cBhvr>
                                      <p:to>
                                        <p:strVal val="visible"/>
                                      </p:to>
                                    </p:set>
                                    <p:animEffect filter="fade" transition="in">
                                      <p:cBhvr>
                                        <p:cTn dur="500" id="7"/>
                                        <p:tgtEl>
                                          <p:spTgt spid="15"/>
                                        </p:tgtEl>
                                      </p:cBhvr>
                                    </p:animEffect>
                                  </p:childTnLst>
                                </p:cTn>
                              </p:par>
                            </p:childTnLst>
                          </p:cTn>
                        </p:par>
                      </p:childTnLst>
                    </p:cTn>
                  </p:par>
                  <p:par>
                    <p:cTn fill="hold" id="8">
                      <p:stCondLst>
                        <p:cond delay="indefinite"/>
                      </p:stCondLst>
                      <p:childTnLst>
                        <p:par>
                          <p:cTn fill="hold" id="9">
                            <p:stCondLst>
                              <p:cond delay="0"/>
                            </p:stCondLst>
                            <p:childTnLst>
                              <p:par>
                                <p:cTn fill="hold" id="10" nodeType="clickEffect" presetClass="entr" presetID="22" presetSubtype="8">
                                  <p:stCondLst>
                                    <p:cond delay="0"/>
                                  </p:stCondLst>
                                  <p:childTnLst>
                                    <p:set>
                                      <p:cBhvr>
                                        <p:cTn dur="1" fill="hold" id="11">
                                          <p:stCondLst>
                                            <p:cond delay="0"/>
                                          </p:stCondLst>
                                        </p:cTn>
                                        <p:tgtEl>
                                          <p:spTgt spid="11"/>
                                        </p:tgtEl>
                                        <p:attrNameLst>
                                          <p:attrName>style.visibility</p:attrName>
                                        </p:attrNameLst>
                                      </p:cBhvr>
                                      <p:to>
                                        <p:strVal val="visible"/>
                                      </p:to>
                                    </p:set>
                                    <p:animEffect filter="wipe(left)" transition="in">
                                      <p:cBhvr>
                                        <p:cTn dur="500" id="12"/>
                                        <p:tgtEl>
                                          <p:spTgt spid="11"/>
                                        </p:tgtEl>
                                      </p:cBhvr>
                                    </p:animEffect>
                                  </p:childTnLst>
                                </p:cTn>
                              </p:par>
                              <p:par>
                                <p:cTn fill="hold" id="13" nodeType="withEffect" presetClass="entr" presetID="22" presetSubtype="8">
                                  <p:stCondLst>
                                    <p:cond delay="0"/>
                                  </p:stCondLst>
                                  <p:childTnLst>
                                    <p:set>
                                      <p:cBhvr>
                                        <p:cTn dur="1" fill="hold" id="14">
                                          <p:stCondLst>
                                            <p:cond delay="0"/>
                                          </p:stCondLst>
                                        </p:cTn>
                                        <p:tgtEl>
                                          <p:spTgt spid="8"/>
                                        </p:tgtEl>
                                        <p:attrNameLst>
                                          <p:attrName>style.visibility</p:attrName>
                                        </p:attrNameLst>
                                      </p:cBhvr>
                                      <p:to>
                                        <p:strVal val="visible"/>
                                      </p:to>
                                    </p:set>
                                    <p:animEffect filter="wipe(left)" transition="in">
                                      <p:cBhvr>
                                        <p:cTn dur="500" id="15"/>
                                        <p:tgtEl>
                                          <p:spTgt spid="8"/>
                                        </p:tgtEl>
                                      </p:cBhvr>
                                    </p:animEffect>
                                  </p:childTnLst>
                                </p:cTn>
                              </p:par>
                            </p:childTnLst>
                          </p:cTn>
                        </p:par>
                      </p:childTnLst>
                    </p:cTn>
                  </p:par>
                  <p:par>
                    <p:cTn fill="hold" id="16">
                      <p:stCondLst>
                        <p:cond delay="indefinite"/>
                      </p:stCondLst>
                      <p:childTnLst>
                        <p:par>
                          <p:cTn fill="hold" id="17">
                            <p:stCondLst>
                              <p:cond delay="0"/>
                            </p:stCondLst>
                            <p:childTnLst>
                              <p:par>
                                <p:cTn fill="hold" grpId="0" id="18" nodeType="clickEffect" presetClass="entr" presetID="10" presetSubtype="0">
                                  <p:stCondLst>
                                    <p:cond delay="0"/>
                                  </p:stCondLst>
                                  <p:childTnLst>
                                    <p:set>
                                      <p:cBhvr>
                                        <p:cTn dur="1" fill="hold" id="19">
                                          <p:stCondLst>
                                            <p:cond delay="0"/>
                                          </p:stCondLst>
                                        </p:cTn>
                                        <p:tgtEl>
                                          <p:spTgt spid="16"/>
                                        </p:tgtEl>
                                        <p:attrNameLst>
                                          <p:attrName>style.visibility</p:attrName>
                                        </p:attrNameLst>
                                      </p:cBhvr>
                                      <p:to>
                                        <p:strVal val="visible"/>
                                      </p:to>
                                    </p:set>
                                    <p:animEffect filter="fade" transition="in">
                                      <p:cBhvr>
                                        <p:cTn dur="1000" id="20"/>
                                        <p:tgtEl>
                                          <p:spTgt spid="16"/>
                                        </p:tgtEl>
                                      </p:cBhvr>
                                    </p:animEffect>
                                  </p:childTnLst>
                                </p:cTn>
                              </p:par>
                            </p:childTnLst>
                          </p:cTn>
                        </p:par>
                      </p:childTnLst>
                    </p:cTn>
                  </p:par>
                  <p:par>
                    <p:cTn fill="hold" id="21">
                      <p:stCondLst>
                        <p:cond delay="indefinite"/>
                      </p:stCondLst>
                      <p:childTnLst>
                        <p:par>
                          <p:cTn fill="hold" id="22">
                            <p:stCondLst>
                              <p:cond delay="0"/>
                            </p:stCondLst>
                            <p:childTnLst>
                              <p:par>
                                <p:cTn fill="hold" grpId="0" id="23" nodeType="clickEffect" presetClass="entr" presetID="10" presetSubtype="0">
                                  <p:stCondLst>
                                    <p:cond delay="0"/>
                                  </p:stCondLst>
                                  <p:childTnLst>
                                    <p:set>
                                      <p:cBhvr>
                                        <p:cTn dur="1" fill="hold" id="24">
                                          <p:stCondLst>
                                            <p:cond delay="0"/>
                                          </p:stCondLst>
                                        </p:cTn>
                                        <p:tgtEl>
                                          <p:spTgt spid="18"/>
                                        </p:tgtEl>
                                        <p:attrNameLst>
                                          <p:attrName>style.visibility</p:attrName>
                                        </p:attrNameLst>
                                      </p:cBhvr>
                                      <p:to>
                                        <p:strVal val="visible"/>
                                      </p:to>
                                    </p:set>
                                    <p:animEffect filter="fade" transition="in">
                                      <p:cBhvr>
                                        <p:cTn dur="500" id="25"/>
                                        <p:tgtEl>
                                          <p:spTgt spid="18"/>
                                        </p:tgtEl>
                                      </p:cBhvr>
                                    </p:animEffect>
                                  </p:childTnLst>
                                </p:cTn>
                              </p:par>
                            </p:childTnLst>
                          </p:cTn>
                        </p:par>
                      </p:childTnLst>
                    </p:cTn>
                  </p:par>
                  <p:par>
                    <p:cTn fill="hold" id="26">
                      <p:stCondLst>
                        <p:cond delay="indefinite"/>
                      </p:stCondLst>
                      <p:childTnLst>
                        <p:par>
                          <p:cTn fill="hold" id="27">
                            <p:stCondLst>
                              <p:cond delay="0"/>
                            </p:stCondLst>
                            <p:childTnLst>
                              <p:par>
                                <p:cTn autoRev="1" fill="hold" id="28" nodeType="clickEffect" presetClass="emph" presetID="1" presetSubtype="2">
                                  <p:stCondLst>
                                    <p:cond delay="0"/>
                                  </p:stCondLst>
                                  <p:childTnLst>
                                    <p:animClr clrSpc="rgb" dir="cw">
                                      <p:cBhvr>
                                        <p:cTn dur="1000" fill="hold" id="29"/>
                                        <p:tgtEl>
                                          <p:spTgt spid="16"/>
                                        </p:tgtEl>
                                        <p:attrNameLst>
                                          <p:attrName>fillcolor</p:attrName>
                                        </p:attrNameLst>
                                      </p:cBhvr>
                                      <p:to>
                                        <a:schemeClr val="accent2"/>
                                      </p:to>
                                    </p:animClr>
                                    <p:set>
                                      <p:cBhvr>
                                        <p:cTn dur="1000" fill="hold" id="30"/>
                                        <p:tgtEl>
                                          <p:spTgt spid="16"/>
                                        </p:tgtEl>
                                        <p:attrNameLst>
                                          <p:attrName>fill.type</p:attrName>
                                        </p:attrNameLst>
                                      </p:cBhvr>
                                      <p:to>
                                        <p:strVal val="solid"/>
                                      </p:to>
                                    </p:set>
                                    <p:set>
                                      <p:cBhvr>
                                        <p:cTn dur="1000" fill="hold" id="31"/>
                                        <p:tgtEl>
                                          <p:spTgt spid="16"/>
                                        </p:tgtEl>
                                        <p:attrNameLst>
                                          <p:attrName>fill.on</p:attrName>
                                        </p:attrNameLst>
                                      </p:cBhvr>
                                      <p:to>
                                        <p:strVal val="true"/>
                                      </p:to>
                                    </p:set>
                                  </p:childTnLst>
                                </p:cTn>
                              </p:par>
                            </p:childTnLst>
                          </p:cTn>
                        </p:par>
                      </p:childTnLst>
                    </p:cTn>
                  </p:par>
                  <p:par>
                    <p:cTn fill="hold" id="32">
                      <p:stCondLst>
                        <p:cond delay="indefinite"/>
                      </p:stCondLst>
                      <p:childTnLst>
                        <p:par>
                          <p:cTn fill="hold" id="33">
                            <p:stCondLst>
                              <p:cond delay="0"/>
                            </p:stCondLst>
                            <p:childTnLst>
                              <p:par>
                                <p:cTn fill="hold" grpId="0" id="34" nodeType="clickEffect" presetClass="entr" presetID="10" presetSubtype="0">
                                  <p:stCondLst>
                                    <p:cond delay="0"/>
                                  </p:stCondLst>
                                  <p:childTnLst>
                                    <p:set>
                                      <p:cBhvr>
                                        <p:cTn dur="1" fill="hold" id="35">
                                          <p:stCondLst>
                                            <p:cond delay="0"/>
                                          </p:stCondLst>
                                        </p:cTn>
                                        <p:tgtEl>
                                          <p:spTgt spid="19"/>
                                        </p:tgtEl>
                                        <p:attrNameLst>
                                          <p:attrName>style.visibility</p:attrName>
                                        </p:attrNameLst>
                                      </p:cBhvr>
                                      <p:to>
                                        <p:strVal val="visible"/>
                                      </p:to>
                                    </p:set>
                                    <p:animEffect filter="fade" transition="in">
                                      <p:cBhvr>
                                        <p:cTn dur="500" id="36"/>
                                        <p:tgtEl>
                                          <p:spTgt spid="19"/>
                                        </p:tgtEl>
                                      </p:cBhvr>
                                    </p:animEffect>
                                  </p:childTnLst>
                                </p:cTn>
                              </p:par>
                            </p:childTnLst>
                          </p:cTn>
                        </p:par>
                      </p:childTnLst>
                    </p:cTn>
                  </p:par>
                  <p:par>
                    <p:cTn fill="hold" id="37">
                      <p:stCondLst>
                        <p:cond delay="indefinite"/>
                      </p:stCondLst>
                      <p:childTnLst>
                        <p:par>
                          <p:cTn fill="hold" id="38">
                            <p:stCondLst>
                              <p:cond delay="0"/>
                            </p:stCondLst>
                            <p:childTnLst>
                              <p:par>
                                <p:cTn autoRev="1" fill="hold" id="39" nodeType="clickEffect" presetClass="emph" presetID="1" presetSubtype="2">
                                  <p:stCondLst>
                                    <p:cond delay="0"/>
                                  </p:stCondLst>
                                  <p:childTnLst>
                                    <p:animClr clrSpc="rgb" dir="cw">
                                      <p:cBhvr>
                                        <p:cTn dur="1000" fill="hold" id="40"/>
                                        <p:tgtEl>
                                          <p:spTgt spid="18"/>
                                        </p:tgtEl>
                                        <p:attrNameLst>
                                          <p:attrName>fillcolor</p:attrName>
                                        </p:attrNameLst>
                                      </p:cBhvr>
                                      <p:to>
                                        <a:schemeClr val="accent2"/>
                                      </p:to>
                                    </p:animClr>
                                    <p:set>
                                      <p:cBhvr>
                                        <p:cTn dur="1000" fill="hold" id="41"/>
                                        <p:tgtEl>
                                          <p:spTgt spid="18"/>
                                        </p:tgtEl>
                                        <p:attrNameLst>
                                          <p:attrName>fill.type</p:attrName>
                                        </p:attrNameLst>
                                      </p:cBhvr>
                                      <p:to>
                                        <p:strVal val="solid"/>
                                      </p:to>
                                    </p:set>
                                    <p:set>
                                      <p:cBhvr>
                                        <p:cTn dur="1000" fill="hold" id="42"/>
                                        <p:tgtEl>
                                          <p:spTgt spid="18"/>
                                        </p:tgtEl>
                                        <p:attrNameLst>
                                          <p:attrName>fill.on</p:attrName>
                                        </p:attrNameLst>
                                      </p:cBhvr>
                                      <p:to>
                                        <p:strVal val="true"/>
                                      </p:to>
                                    </p:set>
                                  </p:childTnLst>
                                </p:cTn>
                              </p:par>
                            </p:childTnLst>
                          </p:cTn>
                        </p:par>
                      </p:childTnLst>
                    </p:cTn>
                  </p:par>
                  <p:par>
                    <p:cTn fill="hold" id="43">
                      <p:stCondLst>
                        <p:cond delay="indefinite"/>
                      </p:stCondLst>
                      <p:childTnLst>
                        <p:par>
                          <p:cTn fill="hold" id="44">
                            <p:stCondLst>
                              <p:cond delay="0"/>
                            </p:stCondLst>
                            <p:childTnLst>
                              <p:par>
                                <p:cTn fill="hold" grpId="0" id="45" nodeType="clickEffect" presetClass="entr" presetID="10" presetSubtype="0">
                                  <p:stCondLst>
                                    <p:cond delay="0"/>
                                  </p:stCondLst>
                                  <p:childTnLst>
                                    <p:set>
                                      <p:cBhvr>
                                        <p:cTn dur="1" fill="hold" id="46">
                                          <p:stCondLst>
                                            <p:cond delay="0"/>
                                          </p:stCondLst>
                                        </p:cTn>
                                        <p:tgtEl>
                                          <p:spTgt spid="20"/>
                                        </p:tgtEl>
                                        <p:attrNameLst>
                                          <p:attrName>style.visibility</p:attrName>
                                        </p:attrNameLst>
                                      </p:cBhvr>
                                      <p:to>
                                        <p:strVal val="visible"/>
                                      </p:to>
                                    </p:set>
                                    <p:animEffect filter="fade" transition="in">
                                      <p:cBhvr>
                                        <p:cTn dur="500" id="47"/>
                                        <p:tgtEl>
                                          <p:spTgt spid="20"/>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16"/>
      <p:bldP animBg="1" grpId="0" spid="18"/>
      <p:bldP grpId="0" spid="19"/>
      <p:bldP grpId="0" spid="20"/>
      <p:bldP grpId="0" spid="15"/>
    </p:bldLst>
  </p:timing>
</p:sld>
</file>

<file path=ppt/slides/slide7.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75f0f6b58418a999f79696c57d7d8a9f">
            <a:r>
              <a:rPr lang="es-ES"/>
              <a:t>3 niveaux de contrôle d'accès dans DHIS2</a:t>
            </a:r>
            <a:endParaRPr dirty="0" lang="en-NO"/>
          </a:p>
        </p:txBody>
      </p:sp>
      <p:grpSp>
        <p:nvGrpSpPr>
          <p:cNvPr id="15" name="!!sharing">
            <a:extLst>
              <a:ext uri="{FF2B5EF4-FFF2-40B4-BE49-F238E27FC236}">
                <a16:creationId xmlns:a16="http://schemas.microsoft.com/office/drawing/2014/main" id="{2CFD66D5-A85A-6C8A-4597-324BF0A8D661}"/>
              </a:ext>
            </a:extLst>
          </p:cNvPr>
          <p:cNvGrpSpPr/>
          <p:nvPr/>
        </p:nvGrpSpPr>
        <p:grpSpPr>
          <a:xfrm>
            <a:off x="1786577" y="2669667"/>
            <a:ext cx="1862941" cy="2004144"/>
            <a:chOff x="1333500" y="1969731"/>
            <a:chExt cx="1862941" cy="2004144"/>
          </a:xfrm>
        </p:grpSpPr>
        <p:sp>
          <p:nvSpPr>
            <p:cNvPr id="16" name="Freeform 22">
              <a:extLst>
                <a:ext uri="{FF2B5EF4-FFF2-40B4-BE49-F238E27FC236}">
                  <a16:creationId xmlns:a16="http://schemas.microsoft.com/office/drawing/2014/main" id="{EA386A75-E976-816D-60DE-E4273D63E8B7}"/>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17" name="Group 16">
              <a:extLst>
                <a:ext uri="{FF2B5EF4-FFF2-40B4-BE49-F238E27FC236}">
                  <a16:creationId xmlns:a16="http://schemas.microsoft.com/office/drawing/2014/main" id="{9E34D31C-4833-4B56-A05A-DFD6F5ADB6BC}"/>
                </a:ext>
              </a:extLst>
            </p:cNvPr>
            <p:cNvGrpSpPr/>
            <p:nvPr/>
          </p:nvGrpSpPr>
          <p:grpSpPr>
            <a:xfrm>
              <a:off x="1746057" y="1969731"/>
              <a:ext cx="923284" cy="861233"/>
              <a:chOff x="2866244" y="2493706"/>
              <a:chExt cx="1072382" cy="1000311"/>
            </a:xfrm>
          </p:grpSpPr>
          <p:sp>
            <p:nvSpPr>
              <p:cNvPr id="25" name="Freeform 23">
                <a:extLst>
                  <a:ext uri="{FF2B5EF4-FFF2-40B4-BE49-F238E27FC236}">
                    <a16:creationId xmlns:a16="http://schemas.microsoft.com/office/drawing/2014/main" id="{C63CE121-2A1C-5C87-178F-4A31649F43B0}"/>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6" name="Freeform 24">
                <a:extLst>
                  <a:ext uri="{FF2B5EF4-FFF2-40B4-BE49-F238E27FC236}">
                    <a16:creationId xmlns:a16="http://schemas.microsoft.com/office/drawing/2014/main" id="{7646EE89-CDA2-60EE-0B13-C3709C070E5F}"/>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18" name="Group 17">
              <a:extLst>
                <a:ext uri="{FF2B5EF4-FFF2-40B4-BE49-F238E27FC236}">
                  <a16:creationId xmlns:a16="http://schemas.microsoft.com/office/drawing/2014/main" id="{F4AE16F0-1E74-F524-FBAF-0F582DA10B55}"/>
                </a:ext>
              </a:extLst>
            </p:cNvPr>
            <p:cNvGrpSpPr/>
            <p:nvPr/>
          </p:nvGrpSpPr>
          <p:grpSpPr>
            <a:xfrm>
              <a:off x="1784364" y="3136309"/>
              <a:ext cx="846670" cy="837566"/>
              <a:chOff x="3040063" y="3848672"/>
              <a:chExt cx="983396" cy="972822"/>
            </a:xfrm>
          </p:grpSpPr>
          <p:sp>
            <p:nvSpPr>
              <p:cNvPr id="23" name="Freeform 28">
                <a:extLst>
                  <a:ext uri="{FF2B5EF4-FFF2-40B4-BE49-F238E27FC236}">
                    <a16:creationId xmlns:a16="http://schemas.microsoft.com/office/drawing/2014/main" id="{18C04798-E6E1-F940-0F19-EDC664A90220}"/>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4" name="Freeform 29">
                <a:extLst>
                  <a:ext uri="{FF2B5EF4-FFF2-40B4-BE49-F238E27FC236}">
                    <a16:creationId xmlns:a16="http://schemas.microsoft.com/office/drawing/2014/main" id="{4095BDC9-EE68-6F8A-EA0F-3BF1FCE8CD28}"/>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19" name="Freeform: Shape 18">
              <a:extLst>
                <a:ext uri="{FF2B5EF4-FFF2-40B4-BE49-F238E27FC236}">
                  <a16:creationId xmlns:a16="http://schemas.microsoft.com/office/drawing/2014/main" id="{438E64F7-C6AE-C539-08A5-BD0969924AF3}"/>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20" name="Graphic 24">
              <a:extLst>
                <a:ext uri="{FF2B5EF4-FFF2-40B4-BE49-F238E27FC236}">
                  <a16:creationId xmlns:a16="http://schemas.microsoft.com/office/drawing/2014/main" id="{72AA5577-7A2E-DC3A-A8B4-7CA2D281FBD4}"/>
                </a:ext>
              </a:extLst>
            </p:cNvPr>
            <p:cNvGrpSpPr/>
            <p:nvPr/>
          </p:nvGrpSpPr>
          <p:grpSpPr>
            <a:xfrm>
              <a:off x="2323290" y="2517060"/>
              <a:ext cx="873151" cy="873151"/>
              <a:chOff x="2323290" y="2517060"/>
              <a:chExt cx="873151" cy="873151"/>
            </a:xfrm>
          </p:grpSpPr>
          <p:sp>
            <p:nvSpPr>
              <p:cNvPr id="21" name="Freeform: Shape 20">
                <a:extLst>
                  <a:ext uri="{FF2B5EF4-FFF2-40B4-BE49-F238E27FC236}">
                    <a16:creationId xmlns:a16="http://schemas.microsoft.com/office/drawing/2014/main" id="{411D343D-3CD6-DCD2-A8F8-372103545748}"/>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22" name="Freeform: Shape 21">
                <a:extLst>
                  <a:ext uri="{FF2B5EF4-FFF2-40B4-BE49-F238E27FC236}">
                    <a16:creationId xmlns:a16="http://schemas.microsoft.com/office/drawing/2014/main" id="{D57817A4-1098-DAF7-8965-894991B8AEA1}"/>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grpSp>
        <p:nvGrpSpPr>
          <p:cNvPr id="27" name="Group 26">
            <a:extLst>
              <a:ext uri="{FF2B5EF4-FFF2-40B4-BE49-F238E27FC236}">
                <a16:creationId xmlns:a16="http://schemas.microsoft.com/office/drawing/2014/main" id="{C8DCF5D5-B199-12C0-51CA-E07379F0BD14}"/>
              </a:ext>
            </a:extLst>
          </p:cNvPr>
          <p:cNvGrpSpPr/>
          <p:nvPr/>
        </p:nvGrpSpPr>
        <p:grpSpPr>
          <a:xfrm>
            <a:off x="8492926" y="2797165"/>
            <a:ext cx="1886211" cy="1663778"/>
            <a:chOff x="8409934" y="2229519"/>
            <a:chExt cx="1886211" cy="1663778"/>
          </a:xfrm>
        </p:grpSpPr>
        <p:pic>
          <p:nvPicPr>
            <p:cNvPr id="28" name="Picture 27">
              <a:extLst>
                <a:ext uri="{FF2B5EF4-FFF2-40B4-BE49-F238E27FC236}">
                  <a16:creationId xmlns:a16="http://schemas.microsoft.com/office/drawing/2014/main" id="{536FB623-4761-BB6F-F87B-CAD7CEB94A86}"/>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29" name="Freeform: Shape 28">
              <a:extLst>
                <a:ext uri="{FF2B5EF4-FFF2-40B4-BE49-F238E27FC236}">
                  <a16:creationId xmlns:a16="http://schemas.microsoft.com/office/drawing/2014/main" id="{46803A7C-958E-DF03-FAD2-92EB8777730E}"/>
                </a:ext>
              </a:extLst>
            </p:cNvPr>
            <p:cNvSpPr/>
            <p:nvPr/>
          </p:nvSpPr>
          <p:spPr>
            <a:xfrm>
              <a:off x="9703183" y="2973925"/>
              <a:ext cx="391447" cy="391447"/>
            </a:xfrm>
            <a:custGeom>
              <a:avLst/>
              <a:gdLst>
                <a:gd fmla="*/ 391447 w 391447" name="connsiteX0"/>
                <a:gd fmla="*/ 195724 h 391447" name="connsiteY0"/>
                <a:gd fmla="*/ 195724 w 391447" name="connsiteX1"/>
                <a:gd fmla="*/ 391447 h 391447" name="connsiteY1"/>
                <a:gd fmla="*/ 0 w 391447" name="connsiteX2"/>
                <a:gd fmla="*/ 195724 h 391447" name="connsiteY2"/>
                <a:gd fmla="*/ 195724 w 391447" name="connsiteX3"/>
                <a:gd fmla="*/ 0 h 391447" name="connsiteY3"/>
                <a:gd fmla="*/ 391447 w 391447" name="connsiteX4"/>
                <a:gd fmla="*/ 195724 h 39144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91447" w="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cap="flat" w="1594">
              <a:noFill/>
              <a:prstDash val="solid"/>
              <a:miter/>
            </a:ln>
          </p:spPr>
          <p:txBody>
            <a:bodyPr anchor="ctr" rtlCol="0"/>
            <a:lstStyle/>
            <a:p>
              <a:endParaRPr lang="es-ES"/>
            </a:p>
          </p:txBody>
        </p:sp>
        <p:grpSp>
          <p:nvGrpSpPr>
            <p:cNvPr id="30" name="Graphic 4">
              <a:extLst>
                <a:ext uri="{FF2B5EF4-FFF2-40B4-BE49-F238E27FC236}">
                  <a16:creationId xmlns:a16="http://schemas.microsoft.com/office/drawing/2014/main" id="{5F513831-CD22-0D7F-D3D5-18639144B468}"/>
                </a:ext>
              </a:extLst>
            </p:cNvPr>
            <p:cNvGrpSpPr/>
            <p:nvPr/>
          </p:nvGrpSpPr>
          <p:grpSpPr>
            <a:xfrm>
              <a:off x="9466672" y="2754865"/>
              <a:ext cx="829473" cy="829473"/>
              <a:chOff x="9466672" y="2754865"/>
              <a:chExt cx="829473" cy="829473"/>
            </a:xfrm>
          </p:grpSpPr>
          <p:sp>
            <p:nvSpPr>
              <p:cNvPr id="31" name="Freeform: Shape 30">
                <a:extLst>
                  <a:ext uri="{FF2B5EF4-FFF2-40B4-BE49-F238E27FC236}">
                    <a16:creationId xmlns:a16="http://schemas.microsoft.com/office/drawing/2014/main" id="{B02E4521-870F-4FAA-988A-6A056EB8B0B1}"/>
                  </a:ext>
                </a:extLst>
              </p:cNvPr>
              <p:cNvSpPr/>
              <p:nvPr/>
            </p:nvSpPr>
            <p:spPr>
              <a:xfrm rot="-1011000">
                <a:off x="9785720" y="3073848"/>
                <a:ext cx="191416" cy="191416"/>
              </a:xfrm>
              <a:custGeom>
                <a:avLst/>
                <a:gdLst>
                  <a:gd fmla="*/ 191417 w 191416" name="connsiteX0"/>
                  <a:gd fmla="*/ 95708 h 191416" name="connsiteY0"/>
                  <a:gd fmla="*/ 95708 w 191416" name="connsiteX1"/>
                  <a:gd fmla="*/ 191417 h 191416" name="connsiteY1"/>
                  <a:gd fmla="*/ 0 w 191416" name="connsiteX2"/>
                  <a:gd fmla="*/ 95708 h 191416" name="connsiteY2"/>
                  <a:gd fmla="*/ 95708 w 191416" name="connsiteX3"/>
                  <a:gd fmla="*/ 0 h 191416" name="connsiteY3"/>
                  <a:gd fmla="*/ 191417 w 191416" name="connsiteX4"/>
                  <a:gd fmla="*/ 95708 h 19141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91416" w="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cap="flat" w="1594">
                <a:noFill/>
                <a:prstDash val="solid"/>
                <a:miter/>
              </a:ln>
            </p:spPr>
            <p:txBody>
              <a:bodyPr anchor="ctr" rtlCol="0"/>
              <a:lstStyle/>
              <a:p>
                <a:endParaRPr lang="es-ES"/>
              </a:p>
            </p:txBody>
          </p:sp>
          <p:sp>
            <p:nvSpPr>
              <p:cNvPr id="32" name="Freeform: Shape 31">
                <a:extLst>
                  <a:ext uri="{FF2B5EF4-FFF2-40B4-BE49-F238E27FC236}">
                    <a16:creationId xmlns:a16="http://schemas.microsoft.com/office/drawing/2014/main" id="{6CD259F7-D0AA-6D5E-42B2-BFDA2E1878B4}"/>
                  </a:ext>
                </a:extLst>
              </p:cNvPr>
              <p:cNvSpPr/>
              <p:nvPr/>
            </p:nvSpPr>
            <p:spPr>
              <a:xfrm>
                <a:off x="9466672" y="2754865"/>
                <a:ext cx="829473" cy="829473"/>
              </a:xfrm>
              <a:custGeom>
                <a:avLst/>
                <a:gdLst>
                  <a:gd fmla="*/ 828293 w 829473" name="connsiteX0"/>
                  <a:gd fmla="*/ 343705 h 829473" name="connsiteY0"/>
                  <a:gd fmla="*/ 826889 w 829473" name="connsiteX1"/>
                  <a:gd fmla="*/ 339637 h 829473" name="connsiteY1"/>
                  <a:gd fmla="*/ 797570 w 829473" name="connsiteX2"/>
                  <a:gd fmla="*/ 320304 h 829473" name="connsiteY2"/>
                  <a:gd fmla="*/ 752587 w 829473" name="connsiteX3"/>
                  <a:gd fmla="*/ 320304 h 829473" name="connsiteY3"/>
                  <a:gd fmla="*/ 721051 w 829473" name="connsiteX4"/>
                  <a:gd fmla="*/ 307591 h 829473" name="connsiteY4"/>
                  <a:gd fmla="*/ 720684 w 829473" name="connsiteX5"/>
                  <a:gd fmla="*/ 245333 h 829473" name="connsiteY5"/>
                  <a:gd fmla="*/ 752587 w 829473" name="connsiteX6"/>
                  <a:gd fmla="*/ 213430 h 829473" name="connsiteY6"/>
                  <a:gd fmla="*/ 752779 w 829473" name="connsiteX7"/>
                  <a:gd fmla="*/ 213238 h 829473" name="connsiteY7"/>
                  <a:gd fmla="*/ 755873 w 829473" name="connsiteX8"/>
                  <a:gd fmla="*/ 209554 h 829473" name="connsiteY8"/>
                  <a:gd fmla="*/ 752587 w 829473" name="connsiteX9"/>
                  <a:gd fmla="*/ 168128 h 829473" name="connsiteY9"/>
                  <a:gd fmla="*/ 662302 w 829473" name="connsiteX10"/>
                  <a:gd fmla="*/ 77843 h 829473" name="connsiteY10"/>
                  <a:gd fmla="*/ 662111 w 829473" name="connsiteX11"/>
                  <a:gd fmla="*/ 77651 h 829473" name="connsiteY11"/>
                  <a:gd fmla="*/ 617000 w 829473" name="connsiteX12"/>
                  <a:gd fmla="*/ 77843 h 829473" name="connsiteY12"/>
                  <a:gd fmla="*/ 607589 w 829473" name="connsiteX13"/>
                  <a:gd fmla="*/ 87254 h 829473" name="connsiteY13"/>
                  <a:gd fmla="*/ 585098 w 829473" name="connsiteX14"/>
                  <a:gd fmla="*/ 109746 h 829473" name="connsiteY14"/>
                  <a:gd fmla="*/ 553562 w 829473" name="connsiteX15"/>
                  <a:gd fmla="*/ 122459 h 829473" name="connsiteY15"/>
                  <a:gd fmla="*/ 510126 w 829473" name="connsiteX16"/>
                  <a:gd fmla="*/ 77843 h 829473" name="connsiteY16"/>
                  <a:gd fmla="*/ 510126 w 829473" name="connsiteX17"/>
                  <a:gd fmla="*/ 31903 h 829473" name="connsiteY17"/>
                  <a:gd fmla="*/ 478223 w 829473" name="connsiteX18"/>
                  <a:gd fmla="*/ 0 h 829473" name="connsiteY18"/>
                  <a:gd fmla="*/ 350612 w 829473" name="connsiteX19"/>
                  <a:gd fmla="*/ 0 h 829473" name="connsiteY19"/>
                  <a:gd fmla="*/ 318709 w 829473" name="connsiteX20"/>
                  <a:gd fmla="*/ 31903 h 829473" name="connsiteY20"/>
                  <a:gd fmla="*/ 318709 w 829473" name="connsiteX21"/>
                  <a:gd fmla="*/ 76248 h 829473" name="connsiteY21"/>
                  <a:gd fmla="*/ 305996 w 829473" name="connsiteX22"/>
                  <a:gd fmla="*/ 107784 h 829473" name="connsiteY22"/>
                  <a:gd fmla="*/ 243737 w 829473" name="connsiteX23"/>
                  <a:gd fmla="*/ 108151 h 829473" name="connsiteY23"/>
                  <a:gd fmla="*/ 215041 w 829473" name="connsiteX24"/>
                  <a:gd fmla="*/ 79454 h 829473" name="connsiteY24"/>
                  <a:gd fmla="*/ 211835 w 829473" name="connsiteX25"/>
                  <a:gd fmla="*/ 76248 h 829473" name="connsiteY25"/>
                  <a:gd fmla="*/ 211643 w 829473" name="connsiteX26"/>
                  <a:gd fmla="*/ 76056 h 829473" name="connsiteY26"/>
                  <a:gd fmla="*/ 166533 w 829473" name="connsiteX27"/>
                  <a:gd fmla="*/ 76248 h 829473" name="connsiteY27"/>
                  <a:gd fmla="*/ 77843 w 829473" name="connsiteX28"/>
                  <a:gd fmla="*/ 166852 h 829473" name="connsiteY28"/>
                  <a:gd fmla="*/ 77651 w 829473" name="connsiteX29"/>
                  <a:gd fmla="*/ 167043 h 829473" name="connsiteY29"/>
                  <a:gd fmla="*/ 68447 w 829473" name="connsiteX30"/>
                  <a:gd fmla="*/ 188402 h 829473" name="connsiteY30"/>
                  <a:gd fmla="*/ 77827 w 829473" name="connsiteX31"/>
                  <a:gd fmla="*/ 212154 h 829473" name="connsiteY31"/>
                  <a:gd fmla="*/ 109730 w 829473" name="connsiteX32"/>
                  <a:gd fmla="*/ 244056 h 829473" name="connsiteY32"/>
                  <a:gd fmla="*/ 122443 w 829473" name="connsiteX33"/>
                  <a:gd fmla="*/ 275592 h 829473" name="connsiteY33"/>
                  <a:gd fmla="*/ 77827 w 829473" name="connsiteX34"/>
                  <a:gd fmla="*/ 319028 h 829473" name="connsiteY34"/>
                  <a:gd fmla="*/ 31903 w 829473" name="connsiteX35"/>
                  <a:gd fmla="*/ 319028 h 829473" name="connsiteY35"/>
                  <a:gd fmla="*/ 0 w 829473" name="connsiteX36"/>
                  <a:gd fmla="*/ 350931 h 829473" name="connsiteY36"/>
                  <a:gd fmla="*/ 0 w 829473" name="connsiteX37"/>
                  <a:gd fmla="*/ 478861 h 829473" name="connsiteY37"/>
                  <a:gd fmla="*/ 31903 w 829473" name="connsiteX38"/>
                  <a:gd fmla="*/ 510764 h 829473" name="connsiteY38"/>
                  <a:gd fmla="*/ 76248 w 829473" name="connsiteX39"/>
                  <a:gd fmla="*/ 510764 h 829473" name="connsiteY39"/>
                  <a:gd fmla="*/ 107784 w 829473" name="connsiteX40"/>
                  <a:gd fmla="*/ 523477 h 829473" name="connsiteY40"/>
                  <a:gd fmla="*/ 108151 w 829473" name="connsiteX41"/>
                  <a:gd fmla="*/ 585736 h 829473" name="connsiteY41"/>
                  <a:gd fmla="*/ 76248 w 829473" name="connsiteX42"/>
                  <a:gd fmla="*/ 617638 h 829473" name="connsiteY42"/>
                  <a:gd fmla="*/ 76056 w 829473" name="connsiteX43"/>
                  <a:gd fmla="*/ 617830 h 829473" name="connsiteY43"/>
                  <a:gd fmla="*/ 76248 w 829473" name="connsiteX44"/>
                  <a:gd fmla="*/ 662940 h 829473" name="connsiteY44"/>
                  <a:gd fmla="*/ 166852 w 829473" name="connsiteX45"/>
                  <a:gd fmla="*/ 751630 h 829473" name="connsiteY45"/>
                  <a:gd fmla="*/ 167043 w 829473" name="connsiteX46"/>
                  <a:gd fmla="*/ 751822 h 829473" name="connsiteY46"/>
                  <a:gd fmla="*/ 212154 w 829473" name="connsiteX47"/>
                  <a:gd fmla="*/ 751630 h 829473" name="connsiteY47"/>
                  <a:gd fmla="*/ 244056 w 829473" name="connsiteX48"/>
                  <a:gd fmla="*/ 719727 h 829473" name="connsiteY48"/>
                  <a:gd fmla="*/ 275592 w 829473" name="connsiteX49"/>
                  <a:gd fmla="*/ 707014 h 829473" name="connsiteY49"/>
                  <a:gd fmla="*/ 319028 w 829473" name="connsiteX50"/>
                  <a:gd fmla="*/ 751630 h 829473" name="connsiteY50"/>
                  <a:gd fmla="*/ 319028 w 829473" name="connsiteX51"/>
                  <a:gd fmla="*/ 797570 h 829473" name="connsiteY51"/>
                  <a:gd fmla="*/ 350931 w 829473" name="connsiteX52"/>
                  <a:gd fmla="*/ 829473 h 829473" name="connsiteY52"/>
                  <a:gd fmla="*/ 478542 w 829473" name="connsiteX53"/>
                  <a:gd fmla="*/ 829473 h 829473" name="connsiteY53"/>
                  <a:gd fmla="*/ 509169 w 829473" name="connsiteX54"/>
                  <a:gd fmla="*/ 797570 h 829473" name="connsiteY54"/>
                  <a:gd fmla="*/ 509169 w 829473" name="connsiteX55"/>
                  <a:gd fmla="*/ 754182 h 829473" name="connsiteY55"/>
                  <a:gd fmla="*/ 521882 w 829473" name="connsiteX56"/>
                  <a:gd fmla="*/ 722646 h 829473" name="connsiteY56"/>
                  <a:gd fmla="*/ 584140 w 829473" name="connsiteX57"/>
                  <a:gd fmla="*/ 722280 h 829473" name="connsiteY57"/>
                  <a:gd fmla="*/ 616043 w 829473" name="connsiteX58"/>
                  <a:gd fmla="*/ 754182 h 829473" name="connsiteY58"/>
                  <a:gd fmla="*/ 616235 w 829473" name="connsiteX59"/>
                  <a:gd fmla="*/ 754374 h 829473" name="connsiteY59"/>
                  <a:gd fmla="*/ 661345 w 829473" name="connsiteX60"/>
                  <a:gd fmla="*/ 754182 h 829473" name="connsiteY60"/>
                  <a:gd fmla="*/ 751630 w 829473" name="connsiteX61"/>
                  <a:gd fmla="*/ 663897 h 829473" name="connsiteY61"/>
                  <a:gd fmla="*/ 751822 w 829473" name="connsiteX62"/>
                  <a:gd fmla="*/ 663706 h 829473" name="connsiteY62"/>
                  <a:gd fmla="*/ 751630 w 829473" name="connsiteX63"/>
                  <a:gd fmla="*/ 618595 h 829473" name="connsiteY63"/>
                  <a:gd fmla="*/ 719727 w 829473" name="connsiteX64"/>
                  <a:gd fmla="*/ 586693 h 829473" name="connsiteY64"/>
                  <a:gd fmla="*/ 707014 w 829473" name="connsiteX65"/>
                  <a:gd fmla="*/ 555157 h 829473" name="connsiteY65"/>
                  <a:gd fmla="*/ 751630 w 829473" name="connsiteX66"/>
                  <a:gd fmla="*/ 511721 h 829473" name="connsiteY66"/>
                  <a:gd fmla="*/ 797570 w 829473" name="connsiteX67"/>
                  <a:gd fmla="*/ 511721 h 829473" name="connsiteY67"/>
                  <a:gd fmla="*/ 829473 w 829473" name="connsiteX68"/>
                  <a:gd fmla="*/ 479818 h 829473" name="connsiteY68"/>
                  <a:gd fmla="*/ 829473 w 829473" name="connsiteX69"/>
                  <a:gd fmla="*/ 352207 h 829473" name="connsiteY69"/>
                  <a:gd fmla="*/ 828293 w 829473" name="connsiteX70"/>
                  <a:gd fmla="*/ 343705 h 829473" name="connsiteY70"/>
                  <a:gd fmla="*/ 414737 w 829473" name="connsiteX71"/>
                  <a:gd fmla="*/ 574251 h 829473" name="connsiteY71"/>
                  <a:gd fmla="*/ 255222 w 829473" name="connsiteX72"/>
                  <a:gd fmla="*/ 414737 h 829473" name="connsiteY72"/>
                  <a:gd fmla="*/ 414737 w 829473" name="connsiteX73"/>
                  <a:gd fmla="*/ 255222 h 829473" name="connsiteY73"/>
                  <a:gd fmla="*/ 574251 w 829473" name="connsiteX74"/>
                  <a:gd fmla="*/ 414737 h 829473" name="connsiteY74"/>
                  <a:gd fmla="*/ 414737 w 829473" name="connsiteX75"/>
                  <a:gd fmla="*/ 574251 h 829473"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29473" w="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cap="flat" w="1594">
                <a:noFill/>
                <a:prstDash val="solid"/>
                <a:miter/>
              </a:ln>
            </p:spPr>
            <p:txBody>
              <a:bodyPr anchor="ctr" rtlCol="0"/>
              <a:lstStyle/>
              <a:p>
                <a:endParaRPr lang="es-ES"/>
              </a:p>
            </p:txBody>
          </p:sp>
        </p:grpSp>
      </p:grpSp>
      <p:grpSp>
        <p:nvGrpSpPr>
          <p:cNvPr id="33" name="Group 32">
            <a:extLst>
              <a:ext uri="{FF2B5EF4-FFF2-40B4-BE49-F238E27FC236}">
                <a16:creationId xmlns:a16="http://schemas.microsoft.com/office/drawing/2014/main" id="{A9ADF818-31D8-3396-DA5E-644C88E13148}"/>
              </a:ext>
            </a:extLst>
          </p:cNvPr>
          <p:cNvGrpSpPr/>
          <p:nvPr/>
        </p:nvGrpSpPr>
        <p:grpSpPr>
          <a:xfrm>
            <a:off x="5010941" y="2790207"/>
            <a:ext cx="2170117" cy="1663777"/>
            <a:chOff x="5042099" y="2205086"/>
            <a:chExt cx="2170117" cy="1663777"/>
          </a:xfrm>
        </p:grpSpPr>
        <p:grpSp>
          <p:nvGrpSpPr>
            <p:cNvPr id="34" name="Group 33">
              <a:extLst>
                <a:ext uri="{FF2B5EF4-FFF2-40B4-BE49-F238E27FC236}">
                  <a16:creationId xmlns:a16="http://schemas.microsoft.com/office/drawing/2014/main" id="{1E572B93-F359-89BD-90C4-B61A5766DAB7}"/>
                </a:ext>
              </a:extLst>
            </p:cNvPr>
            <p:cNvGrpSpPr/>
            <p:nvPr/>
          </p:nvGrpSpPr>
          <p:grpSpPr>
            <a:xfrm>
              <a:off x="5042099" y="2205086"/>
              <a:ext cx="1663776" cy="1663777"/>
              <a:chOff x="4939393" y="2097225"/>
              <a:chExt cx="1584048" cy="1584049"/>
            </a:xfrm>
          </p:grpSpPr>
          <p:sp>
            <p:nvSpPr>
              <p:cNvPr id="39" name="Freeform: Shape 38">
                <a:extLst>
                  <a:ext uri="{FF2B5EF4-FFF2-40B4-BE49-F238E27FC236}">
                    <a16:creationId xmlns:a16="http://schemas.microsoft.com/office/drawing/2014/main" id="{57345897-34EB-0243-4F63-28DD353CB641}"/>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40" name="Group 39">
                <a:extLst>
                  <a:ext uri="{FF2B5EF4-FFF2-40B4-BE49-F238E27FC236}">
                    <a16:creationId xmlns:a16="http://schemas.microsoft.com/office/drawing/2014/main" id="{F0F40D4A-845C-83AF-65D9-F642551347A0}"/>
                  </a:ext>
                </a:extLst>
              </p:cNvPr>
              <p:cNvGrpSpPr/>
              <p:nvPr/>
            </p:nvGrpSpPr>
            <p:grpSpPr>
              <a:xfrm>
                <a:off x="5192227" y="2369148"/>
                <a:ext cx="1078380" cy="1040202"/>
                <a:chOff x="3448859" y="1386457"/>
                <a:chExt cx="1078380" cy="1040202"/>
              </a:xfrm>
            </p:grpSpPr>
            <p:sp>
              <p:nvSpPr>
                <p:cNvPr id="41" name="Freeform: Shape 40">
                  <a:extLst>
                    <a:ext uri="{FF2B5EF4-FFF2-40B4-BE49-F238E27FC236}">
                      <a16:creationId xmlns:a16="http://schemas.microsoft.com/office/drawing/2014/main" id="{99B8D47C-41C8-3360-BD69-FBF1C8336274}"/>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42" name="Freeform: Shape 41">
                  <a:extLst>
                    <a:ext uri="{FF2B5EF4-FFF2-40B4-BE49-F238E27FC236}">
                      <a16:creationId xmlns:a16="http://schemas.microsoft.com/office/drawing/2014/main" id="{4F02B2A9-71C4-3B33-AB1B-2F1E7372C441}"/>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35" name="Freeform: Shape 34">
              <a:extLst>
                <a:ext uri="{FF2B5EF4-FFF2-40B4-BE49-F238E27FC236}">
                  <a16:creationId xmlns:a16="http://schemas.microsoft.com/office/drawing/2014/main" id="{2A70CF81-222F-5BB9-8FFA-53FF8A15044D}"/>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36" name="Graphic 30">
              <a:extLst>
                <a:ext uri="{FF2B5EF4-FFF2-40B4-BE49-F238E27FC236}">
                  <a16:creationId xmlns:a16="http://schemas.microsoft.com/office/drawing/2014/main" id="{4E23DE7A-F4FC-7278-CE38-DDAEFB3CCEC0}"/>
                </a:ext>
              </a:extLst>
            </p:cNvPr>
            <p:cNvGrpSpPr/>
            <p:nvPr/>
          </p:nvGrpSpPr>
          <p:grpSpPr>
            <a:xfrm>
              <a:off x="6382743" y="2556395"/>
              <a:ext cx="829473" cy="829474"/>
              <a:chOff x="5945741" y="2242429"/>
              <a:chExt cx="1307468" cy="1307469"/>
            </a:xfrm>
          </p:grpSpPr>
          <p:sp>
            <p:nvSpPr>
              <p:cNvPr id="37" name="Freeform: Shape 36">
                <a:extLst>
                  <a:ext uri="{FF2B5EF4-FFF2-40B4-BE49-F238E27FC236}">
                    <a16:creationId xmlns:a16="http://schemas.microsoft.com/office/drawing/2014/main" id="{032468F3-7D92-7395-17FA-017F415C8C0E}"/>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4A98BF15-3911-F3DB-D0D2-0AD2B9D2026E}"/>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43" name="!!sharingbox">
            <a:extLst>
              <a:ext uri="{FF2B5EF4-FFF2-40B4-BE49-F238E27FC236}">
                <a16:creationId xmlns:a16="http://schemas.microsoft.com/office/drawing/2014/main" id="{943553DB-BBE7-870B-E252-17A8C91DD99A}"/>
              </a:ext>
            </a:extLst>
          </p:cNvPr>
          <p:cNvSpPr/>
          <p:nvPr/>
        </p:nvSpPr>
        <p:spPr>
          <a:xfrm>
            <a:off x="1402245"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sp>
        <p:nvSpPr>
          <p:cNvPr id="44" name="userbox">
            <a:extLst>
              <a:ext uri="{FF2B5EF4-FFF2-40B4-BE49-F238E27FC236}">
                <a16:creationId xmlns:a16="http://schemas.microsoft.com/office/drawing/2014/main" id="{D0E0AD9E-CDDF-D109-BA91-38EBB0CC0A3C}"/>
              </a:ext>
            </a:extLst>
          </p:cNvPr>
          <p:cNvSpPr/>
          <p:nvPr/>
        </p:nvSpPr>
        <p:spPr>
          <a:xfrm>
            <a:off x="4776329"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sp>
        <p:nvSpPr>
          <p:cNvPr id="45" name="orgunitbox">
            <a:extLst>
              <a:ext uri="{FF2B5EF4-FFF2-40B4-BE49-F238E27FC236}">
                <a16:creationId xmlns:a16="http://schemas.microsoft.com/office/drawing/2014/main" id="{D24BFABD-3C78-5483-66DF-6454BAA64D37}"/>
              </a:ext>
            </a:extLst>
          </p:cNvPr>
          <p:cNvSpPr/>
          <p:nvPr/>
        </p:nvSpPr>
        <p:spPr>
          <a:xfrm>
            <a:off x="8150414" y="1819077"/>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8ee409b56c1b32d5f0c7e7c0396d3315">
            <a:pPr algn="ctr"/>
            <a:r>
              <a:rPr lang="es-ES" sz="2400"/>
              <a:t>Attribution des unités d'organisation</a:t>
            </a:r>
            <a:endParaRPr dirty="0" lang="en-NO" sz="2400"/>
          </a:p>
        </p:txBody>
      </p:sp>
    </p:spTree>
    <p:custDataLst>
      <p:tags r:id="rId1"/>
    </p:custDataLst>
    <p:extLst>
      <p:ext uri="{BB962C8B-B14F-4D97-AF65-F5344CB8AC3E}">
        <p14:creationId xmlns:p14="http://schemas.microsoft.com/office/powerpoint/2010/main" val="1466242399"/>
      </p:ext>
    </p:extLst>
  </p:cSld>
  <p:clrMapOvr>
    <a:masterClrMapping/>
  </p:clrMapOvr>
  <mc:AlternateContent xmlns:mc="http://schemas.openxmlformats.org/markup-compatibility/2006" xmlns:p14="http://schemas.microsoft.com/office/powerpoint/2010/main">
    <mc:Choice Requires="p14">
      <p:transition advTm="11333" p14:dur="2000" spd="slow"/>
    </mc:Choice>
    <mc:Fallback xmlns="">
      <p:transition advTm="11333" spd="slow"/>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53" presetSubtype="16">
                                  <p:stCondLst>
                                    <p:cond delay="0"/>
                                  </p:stCondLst>
                                  <p:childTnLst>
                                    <p:set>
                                      <p:cBhvr>
                                        <p:cTn dur="1" fill="hold" id="6">
                                          <p:stCondLst>
                                            <p:cond delay="0"/>
                                          </p:stCondLst>
                                        </p:cTn>
                                        <p:tgtEl>
                                          <p:spTgt spid="44"/>
                                        </p:tgtEl>
                                        <p:attrNameLst>
                                          <p:attrName>style.visibility</p:attrName>
                                        </p:attrNameLst>
                                      </p:cBhvr>
                                      <p:to>
                                        <p:strVal val="visible"/>
                                      </p:to>
                                    </p:set>
                                    <p:anim calcmode="lin" valueType="num">
                                      <p:cBhvr>
                                        <p:cTn dur="500" fill="hold" id="7"/>
                                        <p:tgtEl>
                                          <p:spTgt spid="44"/>
                                        </p:tgtEl>
                                        <p:attrNameLst>
                                          <p:attrName>ppt_w</p:attrName>
                                        </p:attrNameLst>
                                      </p:cBhvr>
                                      <p:tavLst>
                                        <p:tav tm="0">
                                          <p:val>
                                            <p:fltVal val="0"/>
                                          </p:val>
                                        </p:tav>
                                        <p:tav tm="100000">
                                          <p:val>
                                            <p:strVal val="#ppt_w"/>
                                          </p:val>
                                        </p:tav>
                                      </p:tavLst>
                                    </p:anim>
                                    <p:anim calcmode="lin" valueType="num">
                                      <p:cBhvr>
                                        <p:cTn dur="500" fill="hold" id="8"/>
                                        <p:tgtEl>
                                          <p:spTgt spid="44"/>
                                        </p:tgtEl>
                                        <p:attrNameLst>
                                          <p:attrName>ppt_h</p:attrName>
                                        </p:attrNameLst>
                                      </p:cBhvr>
                                      <p:tavLst>
                                        <p:tav tm="0">
                                          <p:val>
                                            <p:fltVal val="0"/>
                                          </p:val>
                                        </p:tav>
                                        <p:tav tm="100000">
                                          <p:val>
                                            <p:strVal val="#ppt_h"/>
                                          </p:val>
                                        </p:tav>
                                      </p:tavLst>
                                    </p:anim>
                                    <p:animEffect filter="fade" transition="in">
                                      <p:cBhvr>
                                        <p:cTn dur="500" id="9"/>
                                        <p:tgtEl>
                                          <p:spTgt spid="44"/>
                                        </p:tgtEl>
                                      </p:cBhvr>
                                    </p:animEffect>
                                  </p:childTnLst>
                                </p:cTn>
                              </p:par>
                              <p:par>
                                <p:cTn fill="hold" id="10" nodeType="withEffect" presetClass="entr" presetID="53" presetSubtype="16">
                                  <p:stCondLst>
                                    <p:cond delay="0"/>
                                  </p:stCondLst>
                                  <p:childTnLst>
                                    <p:set>
                                      <p:cBhvr>
                                        <p:cTn dur="1" fill="hold" id="11">
                                          <p:stCondLst>
                                            <p:cond delay="0"/>
                                          </p:stCondLst>
                                        </p:cTn>
                                        <p:tgtEl>
                                          <p:spTgt spid="33"/>
                                        </p:tgtEl>
                                        <p:attrNameLst>
                                          <p:attrName>style.visibility</p:attrName>
                                        </p:attrNameLst>
                                      </p:cBhvr>
                                      <p:to>
                                        <p:strVal val="visible"/>
                                      </p:to>
                                    </p:set>
                                    <p:anim calcmode="lin" valueType="num">
                                      <p:cBhvr>
                                        <p:cTn dur="500" fill="hold" id="12"/>
                                        <p:tgtEl>
                                          <p:spTgt spid="33"/>
                                        </p:tgtEl>
                                        <p:attrNameLst>
                                          <p:attrName>ppt_w</p:attrName>
                                        </p:attrNameLst>
                                      </p:cBhvr>
                                      <p:tavLst>
                                        <p:tav tm="0">
                                          <p:val>
                                            <p:fltVal val="0"/>
                                          </p:val>
                                        </p:tav>
                                        <p:tav tm="100000">
                                          <p:val>
                                            <p:strVal val="#ppt_w"/>
                                          </p:val>
                                        </p:tav>
                                      </p:tavLst>
                                    </p:anim>
                                    <p:anim calcmode="lin" valueType="num">
                                      <p:cBhvr>
                                        <p:cTn dur="500" fill="hold" id="13"/>
                                        <p:tgtEl>
                                          <p:spTgt spid="33"/>
                                        </p:tgtEl>
                                        <p:attrNameLst>
                                          <p:attrName>ppt_h</p:attrName>
                                        </p:attrNameLst>
                                      </p:cBhvr>
                                      <p:tavLst>
                                        <p:tav tm="0">
                                          <p:val>
                                            <p:fltVal val="0"/>
                                          </p:val>
                                        </p:tav>
                                        <p:tav tm="100000">
                                          <p:val>
                                            <p:strVal val="#ppt_h"/>
                                          </p:val>
                                        </p:tav>
                                      </p:tavLst>
                                    </p:anim>
                                    <p:animEffect filter="fade" transition="in">
                                      <p:cBhvr>
                                        <p:cTn dur="500" id="14"/>
                                        <p:tgtEl>
                                          <p:spTgt spid="33"/>
                                        </p:tgtEl>
                                      </p:cBhvr>
                                    </p:animEffect>
                                  </p:childTnLst>
                                </p:cTn>
                              </p:par>
                            </p:childTnLst>
                          </p:cTn>
                        </p:par>
                      </p:childTnLst>
                    </p:cTn>
                  </p:par>
                  <p:par>
                    <p:cTn fill="hold" id="15">
                      <p:stCondLst>
                        <p:cond delay="indefinite"/>
                      </p:stCondLst>
                      <p:childTnLst>
                        <p:par>
                          <p:cTn fill="hold" id="16">
                            <p:stCondLst>
                              <p:cond delay="0"/>
                            </p:stCondLst>
                            <p:childTnLst>
                              <p:par>
                                <p:cTn fill="hold" grpId="0" id="17" nodeType="clickEffect" presetClass="entr" presetID="53" presetSubtype="16">
                                  <p:stCondLst>
                                    <p:cond delay="0"/>
                                  </p:stCondLst>
                                  <p:childTnLst>
                                    <p:set>
                                      <p:cBhvr>
                                        <p:cTn dur="1" fill="hold" id="18">
                                          <p:stCondLst>
                                            <p:cond delay="0"/>
                                          </p:stCondLst>
                                        </p:cTn>
                                        <p:tgtEl>
                                          <p:spTgt spid="45"/>
                                        </p:tgtEl>
                                        <p:attrNameLst>
                                          <p:attrName>style.visibility</p:attrName>
                                        </p:attrNameLst>
                                      </p:cBhvr>
                                      <p:to>
                                        <p:strVal val="visible"/>
                                      </p:to>
                                    </p:set>
                                    <p:anim calcmode="lin" valueType="num">
                                      <p:cBhvr>
                                        <p:cTn dur="500" fill="hold" id="19"/>
                                        <p:tgtEl>
                                          <p:spTgt spid="45"/>
                                        </p:tgtEl>
                                        <p:attrNameLst>
                                          <p:attrName>ppt_w</p:attrName>
                                        </p:attrNameLst>
                                      </p:cBhvr>
                                      <p:tavLst>
                                        <p:tav tm="0">
                                          <p:val>
                                            <p:fltVal val="0"/>
                                          </p:val>
                                        </p:tav>
                                        <p:tav tm="100000">
                                          <p:val>
                                            <p:strVal val="#ppt_w"/>
                                          </p:val>
                                        </p:tav>
                                      </p:tavLst>
                                    </p:anim>
                                    <p:anim calcmode="lin" valueType="num">
                                      <p:cBhvr>
                                        <p:cTn dur="500" fill="hold" id="20"/>
                                        <p:tgtEl>
                                          <p:spTgt spid="45"/>
                                        </p:tgtEl>
                                        <p:attrNameLst>
                                          <p:attrName>ppt_h</p:attrName>
                                        </p:attrNameLst>
                                      </p:cBhvr>
                                      <p:tavLst>
                                        <p:tav tm="0">
                                          <p:val>
                                            <p:fltVal val="0"/>
                                          </p:val>
                                        </p:tav>
                                        <p:tav tm="100000">
                                          <p:val>
                                            <p:strVal val="#ppt_h"/>
                                          </p:val>
                                        </p:tav>
                                      </p:tavLst>
                                    </p:anim>
                                    <p:animEffect filter="fade" transition="in">
                                      <p:cBhvr>
                                        <p:cTn dur="500" id="21"/>
                                        <p:tgtEl>
                                          <p:spTgt spid="45"/>
                                        </p:tgtEl>
                                      </p:cBhvr>
                                    </p:animEffect>
                                  </p:childTnLst>
                                </p:cTn>
                              </p:par>
                              <p:par>
                                <p:cTn fill="hold" id="22" nodeType="withEffect" presetClass="entr" presetID="53" presetSubtype="16">
                                  <p:stCondLst>
                                    <p:cond delay="0"/>
                                  </p:stCondLst>
                                  <p:childTnLst>
                                    <p:set>
                                      <p:cBhvr>
                                        <p:cTn dur="1" fill="hold" id="23">
                                          <p:stCondLst>
                                            <p:cond delay="0"/>
                                          </p:stCondLst>
                                        </p:cTn>
                                        <p:tgtEl>
                                          <p:spTgt spid="27"/>
                                        </p:tgtEl>
                                        <p:attrNameLst>
                                          <p:attrName>style.visibility</p:attrName>
                                        </p:attrNameLst>
                                      </p:cBhvr>
                                      <p:to>
                                        <p:strVal val="visible"/>
                                      </p:to>
                                    </p:set>
                                    <p:anim calcmode="lin" valueType="num">
                                      <p:cBhvr>
                                        <p:cTn dur="500" fill="hold" id="24"/>
                                        <p:tgtEl>
                                          <p:spTgt spid="27"/>
                                        </p:tgtEl>
                                        <p:attrNameLst>
                                          <p:attrName>ppt_w</p:attrName>
                                        </p:attrNameLst>
                                      </p:cBhvr>
                                      <p:tavLst>
                                        <p:tav tm="0">
                                          <p:val>
                                            <p:fltVal val="0"/>
                                          </p:val>
                                        </p:tav>
                                        <p:tav tm="100000">
                                          <p:val>
                                            <p:strVal val="#ppt_w"/>
                                          </p:val>
                                        </p:tav>
                                      </p:tavLst>
                                    </p:anim>
                                    <p:anim calcmode="lin" valueType="num">
                                      <p:cBhvr>
                                        <p:cTn dur="500" fill="hold" id="25"/>
                                        <p:tgtEl>
                                          <p:spTgt spid="27"/>
                                        </p:tgtEl>
                                        <p:attrNameLst>
                                          <p:attrName>ppt_h</p:attrName>
                                        </p:attrNameLst>
                                      </p:cBhvr>
                                      <p:tavLst>
                                        <p:tav tm="0">
                                          <p:val>
                                            <p:fltVal val="0"/>
                                          </p:val>
                                        </p:tav>
                                        <p:tav tm="100000">
                                          <p:val>
                                            <p:strVal val="#ppt_h"/>
                                          </p:val>
                                        </p:tav>
                                      </p:tavLst>
                                    </p:anim>
                                    <p:animEffect filter="fade" transition="in">
                                      <p:cBhvr>
                                        <p:cTn dur="500" id="26"/>
                                        <p:tgtEl>
                                          <p:spTgt spid="27"/>
                                        </p:tgtEl>
                                      </p:cBhvr>
                                    </p:animEffect>
                                  </p:childTnLst>
                                </p:cTn>
                              </p:par>
                            </p:childTnLst>
                          </p:cTn>
                        </p:par>
                      </p:childTnLst>
                    </p:cTn>
                  </p:par>
                  <p:par>
                    <p:cTn fill="hold" id="27">
                      <p:stCondLst>
                        <p:cond delay="indefinite"/>
                      </p:stCondLst>
                      <p:childTnLst>
                        <p:par>
                          <p:cTn fill="hold" id="28">
                            <p:stCondLst>
                              <p:cond delay="0"/>
                            </p:stCondLst>
                            <p:childTnLst>
                              <p:par>
                                <p:cTn fill="hold" id="29" nodeType="clickEffect" presetClass="entr" presetID="53" presetSubtype="16">
                                  <p:stCondLst>
                                    <p:cond delay="0"/>
                                  </p:stCondLst>
                                  <p:childTnLst>
                                    <p:set>
                                      <p:cBhvr>
                                        <p:cTn dur="1" fill="hold" id="30">
                                          <p:stCondLst>
                                            <p:cond delay="0"/>
                                          </p:stCondLst>
                                        </p:cTn>
                                        <p:tgtEl>
                                          <p:spTgt spid="15"/>
                                        </p:tgtEl>
                                        <p:attrNameLst>
                                          <p:attrName>style.visibility</p:attrName>
                                        </p:attrNameLst>
                                      </p:cBhvr>
                                      <p:to>
                                        <p:strVal val="visible"/>
                                      </p:to>
                                    </p:set>
                                    <p:anim calcmode="lin" valueType="num">
                                      <p:cBhvr>
                                        <p:cTn dur="500" fill="hold" id="31"/>
                                        <p:tgtEl>
                                          <p:spTgt spid="15"/>
                                        </p:tgtEl>
                                        <p:attrNameLst>
                                          <p:attrName>ppt_w</p:attrName>
                                        </p:attrNameLst>
                                      </p:cBhvr>
                                      <p:tavLst>
                                        <p:tav tm="0">
                                          <p:val>
                                            <p:fltVal val="0"/>
                                          </p:val>
                                        </p:tav>
                                        <p:tav tm="100000">
                                          <p:val>
                                            <p:strVal val="#ppt_w"/>
                                          </p:val>
                                        </p:tav>
                                      </p:tavLst>
                                    </p:anim>
                                    <p:anim calcmode="lin" valueType="num">
                                      <p:cBhvr>
                                        <p:cTn dur="500" fill="hold" id="32"/>
                                        <p:tgtEl>
                                          <p:spTgt spid="15"/>
                                        </p:tgtEl>
                                        <p:attrNameLst>
                                          <p:attrName>ppt_h</p:attrName>
                                        </p:attrNameLst>
                                      </p:cBhvr>
                                      <p:tavLst>
                                        <p:tav tm="0">
                                          <p:val>
                                            <p:fltVal val="0"/>
                                          </p:val>
                                        </p:tav>
                                        <p:tav tm="100000">
                                          <p:val>
                                            <p:strVal val="#ppt_h"/>
                                          </p:val>
                                        </p:tav>
                                      </p:tavLst>
                                    </p:anim>
                                    <p:animEffect filter="fade" transition="in">
                                      <p:cBhvr>
                                        <p:cTn dur="500" id="33"/>
                                        <p:tgtEl>
                                          <p:spTgt spid="15"/>
                                        </p:tgtEl>
                                      </p:cBhvr>
                                    </p:animEffect>
                                  </p:childTnLst>
                                </p:cTn>
                              </p:par>
                              <p:par>
                                <p:cTn fill="hold" grpId="0" id="34" nodeType="withEffect" presetClass="entr" presetID="53" presetSubtype="16">
                                  <p:stCondLst>
                                    <p:cond delay="0"/>
                                  </p:stCondLst>
                                  <p:childTnLst>
                                    <p:set>
                                      <p:cBhvr>
                                        <p:cTn dur="1" fill="hold" id="35">
                                          <p:stCondLst>
                                            <p:cond delay="0"/>
                                          </p:stCondLst>
                                        </p:cTn>
                                        <p:tgtEl>
                                          <p:spTgt spid="43"/>
                                        </p:tgtEl>
                                        <p:attrNameLst>
                                          <p:attrName>style.visibility</p:attrName>
                                        </p:attrNameLst>
                                      </p:cBhvr>
                                      <p:to>
                                        <p:strVal val="visible"/>
                                      </p:to>
                                    </p:set>
                                    <p:anim calcmode="lin" valueType="num">
                                      <p:cBhvr>
                                        <p:cTn dur="500" fill="hold" id="36"/>
                                        <p:tgtEl>
                                          <p:spTgt spid="43"/>
                                        </p:tgtEl>
                                        <p:attrNameLst>
                                          <p:attrName>ppt_w</p:attrName>
                                        </p:attrNameLst>
                                      </p:cBhvr>
                                      <p:tavLst>
                                        <p:tav tm="0">
                                          <p:val>
                                            <p:fltVal val="0"/>
                                          </p:val>
                                        </p:tav>
                                        <p:tav tm="100000">
                                          <p:val>
                                            <p:strVal val="#ppt_w"/>
                                          </p:val>
                                        </p:tav>
                                      </p:tavLst>
                                    </p:anim>
                                    <p:anim calcmode="lin" valueType="num">
                                      <p:cBhvr>
                                        <p:cTn dur="500" fill="hold" id="37"/>
                                        <p:tgtEl>
                                          <p:spTgt spid="43"/>
                                        </p:tgtEl>
                                        <p:attrNameLst>
                                          <p:attrName>ppt_h</p:attrName>
                                        </p:attrNameLst>
                                      </p:cBhvr>
                                      <p:tavLst>
                                        <p:tav tm="0">
                                          <p:val>
                                            <p:fltVal val="0"/>
                                          </p:val>
                                        </p:tav>
                                        <p:tav tm="100000">
                                          <p:val>
                                            <p:strVal val="#ppt_h"/>
                                          </p:val>
                                        </p:tav>
                                      </p:tavLst>
                                    </p:anim>
                                    <p:animEffect filter="fade" transition="in">
                                      <p:cBhvr>
                                        <p:cTn dur="500" id="38"/>
                                        <p:tgtEl>
                                          <p:spTgt spid="43"/>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animBg="1" grpId="0" spid="43"/>
      <p:bldP animBg="1" grpId="0" spid="44"/>
      <p:bldP animBg="1" grpId="0" spid="45"/>
    </p:bldLst>
  </p:timing>
</p:sld>
</file>

<file path=ppt/slides/slide8.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e8ce10b1430cafe5d32d33e9ad3d5355">
            <a:r>
              <a:rPr lang="es-ES"/>
              <a:t>Que contrôlent les rôles d'utilisateur ?</a:t>
            </a:r>
            <a:endParaRPr dirty="0" lang="en-NO"/>
          </a:p>
        </p:txBody>
      </p:sp>
      <p:sp>
        <p:nvSpPr>
          <p:cNvPr id="15" name="TextBox 14">
            <a:extLst>
              <a:ext uri="{FF2B5EF4-FFF2-40B4-BE49-F238E27FC236}">
                <a16:creationId xmlns:a16="http://schemas.microsoft.com/office/drawing/2014/main" id="{B8918868-E005-E907-AFE1-A9FD1D255E20}"/>
              </a:ext>
            </a:extLst>
          </p:cNvPr>
          <p:cNvSpPr txBox="1"/>
          <p:nvPr/>
        </p:nvSpPr>
        <p:spPr>
          <a:xfrm>
            <a:off x="6096001" y="2614840"/>
            <a:ext cx="4000500" cy="2180405"/>
          </a:xfrm>
          <a:prstGeom prst="rect">
            <a:avLst/>
          </a:prstGeom>
          <a:noFill/>
        </p:spPr>
        <p:txBody>
          <a:bodyPr rtlCol="0" wrap="square">
            <a:spAutoFit/>
          </a:bodyPr>
          <a:lstStyle/>
          <a:p txid="12afbd76c8bb3366af21747f470e6b46">
            <a:pPr algn="l" indent="-342900" marL="342900">
              <a:lnSpc>
                <a:spcPts val="3300"/>
              </a:lnSpc>
              <a:buClr>
                <a:srgbClr val="008CCF"/>
              </a:buClr>
              <a:buFont charset="-79" pitchFamily="2" typeface="Rubik"/>
              <a:buChar char="•"/>
            </a:pPr>
            <a:r>
              <a:rPr lang="es-ES" sz="2400"/>
              <a:t>L'accès aux applications</a:t>
            </a:r>
            <a:r>
              <a:rPr lang="en-NO" sz="2400"/>
            </a:r>
            <a:r>
              <a:rPr lang="en-NO" sz="2400">
                <a:latin typeface="+mj-lt"/>
              </a:rPr>
            </a:r>
            <a:endParaRPr dirty="0" lang="en-NO" sz="2400">
              <a:latin typeface="+mj-lt"/>
            </a:endParaRPr>
          </a:p>
          <a:p txid="cd4d2ca1128031aa7cf28723f8c87524">
            <a:pPr algn="l" indent="-342900" marL="342900">
              <a:lnSpc>
                <a:spcPts val="3300"/>
              </a:lnSpc>
              <a:buClr>
                <a:srgbClr val="008CCF"/>
              </a:buClr>
              <a:buFont charset="-79" pitchFamily="2" typeface="Rubik"/>
              <a:buChar char="•"/>
            </a:pPr>
            <a:r>
              <a:rPr lang="es-ES" sz="2400">
                <a:latin typeface="+mj-lt"/>
              </a:rPr>
              <a:t>Les opérations que peuvent effectuer les utilisateurs</a:t>
            </a:r>
            <a:r>
              <a:rPr lang="en-NO" sz="2400">
                <a:latin typeface="+mj-lt"/>
              </a:rPr>
            </a:r>
            <a:r>
              <a:rPr lang="en-NO" sz="2400"/>
            </a:r>
            <a:r>
              <a:rPr lang="es-ES" sz="2400"/>
              <a:t> </a:t>
            </a:r>
            <a:r>
              <a:rPr lang="en-NO" sz="2400"/>
            </a:r>
            <a:r>
              <a:rPr dirty="0" lang="en-NO" sz="2400"/>
            </a:r>
          </a:p>
          <a:p txid="b3762936d9a7c57a43d53d5b0c308b8f">
            <a:pPr algn="l" indent="-342900" marL="342900">
              <a:lnSpc>
                <a:spcPts val="3300"/>
              </a:lnSpc>
              <a:buClr>
                <a:srgbClr val="008CCF"/>
              </a:buClr>
              <a:buFont charset="-79" pitchFamily="2" typeface="Rubik"/>
              <a:buChar char="•"/>
            </a:pPr>
            <a:r>
              <a:rPr lang="es-ES" sz="2400"/>
              <a:t>Des fonctions administratives spécifiques</a:t>
            </a:r>
            <a:r>
              <a:rPr lang="en-NO" sz="2400"/>
            </a:r>
            <a:r>
              <a:rPr dirty="0" lang="en-NO" sz="2400">
                <a:latin typeface="+mj-lt"/>
              </a:rPr>
            </a:r>
          </a:p>
        </p:txBody>
      </p:sp>
      <p:grpSp>
        <p:nvGrpSpPr>
          <p:cNvPr id="6" name="Group 5">
            <a:extLst>
              <a:ext uri="{FF2B5EF4-FFF2-40B4-BE49-F238E27FC236}">
                <a16:creationId xmlns:a16="http://schemas.microsoft.com/office/drawing/2014/main" id="{7B391BE5-A6F8-0E89-B78C-6129CAD1847B}"/>
              </a:ext>
            </a:extLst>
          </p:cNvPr>
          <p:cNvGrpSpPr/>
          <p:nvPr/>
        </p:nvGrpSpPr>
        <p:grpSpPr>
          <a:xfrm>
            <a:off x="2781997" y="2969862"/>
            <a:ext cx="2170117" cy="1663777"/>
            <a:chOff x="5042099" y="2205086"/>
            <a:chExt cx="2170117" cy="1663777"/>
          </a:xfrm>
        </p:grpSpPr>
        <p:grpSp>
          <p:nvGrpSpPr>
            <p:cNvPr id="7" name="Group 6">
              <a:extLst>
                <a:ext uri="{FF2B5EF4-FFF2-40B4-BE49-F238E27FC236}">
                  <a16:creationId xmlns:a16="http://schemas.microsoft.com/office/drawing/2014/main" id="{37C785B7-1941-32BE-EB72-3ED05B69EFA5}"/>
                </a:ext>
              </a:extLst>
            </p:cNvPr>
            <p:cNvGrpSpPr/>
            <p:nvPr/>
          </p:nvGrpSpPr>
          <p:grpSpPr>
            <a:xfrm>
              <a:off x="5042099" y="2205086"/>
              <a:ext cx="1663776" cy="1663777"/>
              <a:chOff x="4939393" y="2097225"/>
              <a:chExt cx="1584048" cy="1584049"/>
            </a:xfrm>
          </p:grpSpPr>
          <p:sp>
            <p:nvSpPr>
              <p:cNvPr id="13" name="Freeform: Shape 12">
                <a:extLst>
                  <a:ext uri="{FF2B5EF4-FFF2-40B4-BE49-F238E27FC236}">
                    <a16:creationId xmlns:a16="http://schemas.microsoft.com/office/drawing/2014/main" id="{407DE510-E38B-0F28-AFDB-9371529E54F8}"/>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709A221D-9306-CEA4-A43D-F6818E843EC3}"/>
                  </a:ext>
                </a:extLst>
              </p:cNvPr>
              <p:cNvGrpSpPr/>
              <p:nvPr/>
            </p:nvGrpSpPr>
            <p:grpSpPr>
              <a:xfrm>
                <a:off x="5192227" y="2369148"/>
                <a:ext cx="1078380" cy="1040202"/>
                <a:chOff x="3448859" y="1386457"/>
                <a:chExt cx="1078380" cy="1040202"/>
              </a:xfrm>
            </p:grpSpPr>
            <p:sp>
              <p:nvSpPr>
                <p:cNvPr id="17" name="Freeform: Shape 16">
                  <a:extLst>
                    <a:ext uri="{FF2B5EF4-FFF2-40B4-BE49-F238E27FC236}">
                      <a16:creationId xmlns:a16="http://schemas.microsoft.com/office/drawing/2014/main" id="{3BAF296F-FE62-8976-CB5F-3E24CBD5E498}"/>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DFCD3EF2-35CE-700A-0E42-812A0D8C92ED}"/>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8" name="Freeform: Shape 7">
              <a:extLst>
                <a:ext uri="{FF2B5EF4-FFF2-40B4-BE49-F238E27FC236}">
                  <a16:creationId xmlns:a16="http://schemas.microsoft.com/office/drawing/2014/main" id="{3D7546DD-9E01-9EDF-1CF4-62AC88598BE3}"/>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9" name="Graphic 30">
              <a:extLst>
                <a:ext uri="{FF2B5EF4-FFF2-40B4-BE49-F238E27FC236}">
                  <a16:creationId xmlns:a16="http://schemas.microsoft.com/office/drawing/2014/main" id="{EAF1DC6F-3651-2CED-A61A-89D6C3BD9832}"/>
                </a:ext>
              </a:extLst>
            </p:cNvPr>
            <p:cNvGrpSpPr/>
            <p:nvPr/>
          </p:nvGrpSpPr>
          <p:grpSpPr>
            <a:xfrm>
              <a:off x="6382743" y="2556395"/>
              <a:ext cx="829473" cy="829474"/>
              <a:chOff x="5945741" y="2242429"/>
              <a:chExt cx="1307468" cy="1307469"/>
            </a:xfrm>
          </p:grpSpPr>
          <p:sp>
            <p:nvSpPr>
              <p:cNvPr id="11" name="Freeform: Shape 10">
                <a:extLst>
                  <a:ext uri="{FF2B5EF4-FFF2-40B4-BE49-F238E27FC236}">
                    <a16:creationId xmlns:a16="http://schemas.microsoft.com/office/drawing/2014/main" id="{94180B34-A059-F119-200A-D30A18CDFFFC}"/>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583CBF2-03BE-CFAB-2064-F5B20D08CC13}"/>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19" name="userbox">
            <a:extLst>
              <a:ext uri="{FF2B5EF4-FFF2-40B4-BE49-F238E27FC236}">
                <a16:creationId xmlns:a16="http://schemas.microsoft.com/office/drawing/2014/main" id="{B9CE9245-C0A1-ECD9-5341-BB08CCD9C6A6}"/>
              </a:ext>
            </a:extLst>
          </p:cNvPr>
          <p:cNvSpPr/>
          <p:nvPr/>
        </p:nvSpPr>
        <p:spPr>
          <a:xfrm>
            <a:off x="2547385" y="1998732"/>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grpSp>
        <p:nvGrpSpPr>
          <p:cNvPr id="20" name="!!sharing">
            <a:extLst>
              <a:ext uri="{FF2B5EF4-FFF2-40B4-BE49-F238E27FC236}">
                <a16:creationId xmlns:a16="http://schemas.microsoft.com/office/drawing/2014/main" id="{8DFCE337-1616-E428-17AD-87160275BBA1}"/>
              </a:ext>
            </a:extLst>
          </p:cNvPr>
          <p:cNvGrpSpPr/>
          <p:nvPr/>
        </p:nvGrpSpPr>
        <p:grpSpPr>
          <a:xfrm>
            <a:off x="-3217287" y="1424856"/>
            <a:ext cx="1862941" cy="2004144"/>
            <a:chOff x="1333500" y="1969731"/>
            <a:chExt cx="1862941" cy="2004144"/>
          </a:xfrm>
        </p:grpSpPr>
        <p:sp>
          <p:nvSpPr>
            <p:cNvPr id="21" name="Freeform 22">
              <a:extLst>
                <a:ext uri="{FF2B5EF4-FFF2-40B4-BE49-F238E27FC236}">
                  <a16:creationId xmlns:a16="http://schemas.microsoft.com/office/drawing/2014/main" id="{4380F0B7-392D-C65A-3B69-A6F3E84E4AD1}"/>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22" name="Group 21">
              <a:extLst>
                <a:ext uri="{FF2B5EF4-FFF2-40B4-BE49-F238E27FC236}">
                  <a16:creationId xmlns:a16="http://schemas.microsoft.com/office/drawing/2014/main" id="{9495A0C6-31AA-5529-729D-422F0A38627F}"/>
                </a:ext>
              </a:extLst>
            </p:cNvPr>
            <p:cNvGrpSpPr/>
            <p:nvPr/>
          </p:nvGrpSpPr>
          <p:grpSpPr>
            <a:xfrm>
              <a:off x="1746057" y="1969731"/>
              <a:ext cx="923284" cy="861233"/>
              <a:chOff x="2866244" y="2493706"/>
              <a:chExt cx="1072382" cy="1000311"/>
            </a:xfrm>
          </p:grpSpPr>
          <p:sp>
            <p:nvSpPr>
              <p:cNvPr id="30" name="Freeform 23">
                <a:extLst>
                  <a:ext uri="{FF2B5EF4-FFF2-40B4-BE49-F238E27FC236}">
                    <a16:creationId xmlns:a16="http://schemas.microsoft.com/office/drawing/2014/main" id="{CCBE3A59-6290-CF2A-5DBC-723E39C778C3}"/>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1" name="Freeform 24">
                <a:extLst>
                  <a:ext uri="{FF2B5EF4-FFF2-40B4-BE49-F238E27FC236}">
                    <a16:creationId xmlns:a16="http://schemas.microsoft.com/office/drawing/2014/main" id="{D10859DA-893A-3198-6E4D-62130AE739AE}"/>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23" name="Group 22">
              <a:extLst>
                <a:ext uri="{FF2B5EF4-FFF2-40B4-BE49-F238E27FC236}">
                  <a16:creationId xmlns:a16="http://schemas.microsoft.com/office/drawing/2014/main" id="{E8750E5D-238B-F08D-77BE-D01959CB85E9}"/>
                </a:ext>
              </a:extLst>
            </p:cNvPr>
            <p:cNvGrpSpPr/>
            <p:nvPr/>
          </p:nvGrpSpPr>
          <p:grpSpPr>
            <a:xfrm>
              <a:off x="1784364" y="3136309"/>
              <a:ext cx="846670" cy="837566"/>
              <a:chOff x="3040063" y="3848672"/>
              <a:chExt cx="983396" cy="972822"/>
            </a:xfrm>
          </p:grpSpPr>
          <p:sp>
            <p:nvSpPr>
              <p:cNvPr id="28" name="Freeform 28">
                <a:extLst>
                  <a:ext uri="{FF2B5EF4-FFF2-40B4-BE49-F238E27FC236}">
                    <a16:creationId xmlns:a16="http://schemas.microsoft.com/office/drawing/2014/main" id="{3644646B-4442-40D9-A188-9267C0144653}"/>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9" name="Freeform 29">
                <a:extLst>
                  <a:ext uri="{FF2B5EF4-FFF2-40B4-BE49-F238E27FC236}">
                    <a16:creationId xmlns:a16="http://schemas.microsoft.com/office/drawing/2014/main" id="{630C8236-FFE7-2735-D927-63B462339AB2}"/>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24" name="Freeform: Shape 23">
              <a:extLst>
                <a:ext uri="{FF2B5EF4-FFF2-40B4-BE49-F238E27FC236}">
                  <a16:creationId xmlns:a16="http://schemas.microsoft.com/office/drawing/2014/main" id="{C6E0E504-835B-2D67-360B-75F0A31BD761}"/>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25" name="Graphic 24">
              <a:extLst>
                <a:ext uri="{FF2B5EF4-FFF2-40B4-BE49-F238E27FC236}">
                  <a16:creationId xmlns:a16="http://schemas.microsoft.com/office/drawing/2014/main" id="{176D03F4-3702-05EC-0049-6FE0F5C5AEBD}"/>
                </a:ext>
              </a:extLst>
            </p:cNvPr>
            <p:cNvGrpSpPr/>
            <p:nvPr/>
          </p:nvGrpSpPr>
          <p:grpSpPr>
            <a:xfrm>
              <a:off x="2323290" y="2517060"/>
              <a:ext cx="873151" cy="873151"/>
              <a:chOff x="2323290" y="2517060"/>
              <a:chExt cx="873151" cy="873151"/>
            </a:xfrm>
          </p:grpSpPr>
          <p:sp>
            <p:nvSpPr>
              <p:cNvPr id="26" name="Freeform: Shape 25">
                <a:extLst>
                  <a:ext uri="{FF2B5EF4-FFF2-40B4-BE49-F238E27FC236}">
                    <a16:creationId xmlns:a16="http://schemas.microsoft.com/office/drawing/2014/main" id="{7C588183-FC27-DBA6-20CC-164676111ED6}"/>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44D425D6-BE52-FC38-9059-D14FBB242258}"/>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
        <p:nvSpPr>
          <p:cNvPr id="32" name="!!sharingbox">
            <a:extLst>
              <a:ext uri="{FF2B5EF4-FFF2-40B4-BE49-F238E27FC236}">
                <a16:creationId xmlns:a16="http://schemas.microsoft.com/office/drawing/2014/main" id="{DD67D8B1-E326-B3EB-53FE-BF0065FDA758}"/>
              </a:ext>
            </a:extLst>
          </p:cNvPr>
          <p:cNvSpPr/>
          <p:nvPr/>
        </p:nvSpPr>
        <p:spPr>
          <a:xfrm>
            <a:off x="-3601619" y="57426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grpSp>
        <p:nvGrpSpPr>
          <p:cNvPr id="33" name="Group 32">
            <a:extLst>
              <a:ext uri="{FF2B5EF4-FFF2-40B4-BE49-F238E27FC236}">
                <a16:creationId xmlns:a16="http://schemas.microsoft.com/office/drawing/2014/main" id="{BED54C65-19CE-DD57-25D3-C2E62FDBDD5D}"/>
              </a:ext>
            </a:extLst>
          </p:cNvPr>
          <p:cNvGrpSpPr/>
          <p:nvPr/>
        </p:nvGrpSpPr>
        <p:grpSpPr>
          <a:xfrm>
            <a:off x="12629338" y="1591693"/>
            <a:ext cx="1886211" cy="1663778"/>
            <a:chOff x="8409934" y="2229519"/>
            <a:chExt cx="1886211" cy="1663778"/>
          </a:xfrm>
        </p:grpSpPr>
        <p:pic>
          <p:nvPicPr>
            <p:cNvPr id="34" name="Picture 33">
              <a:extLst>
                <a:ext uri="{FF2B5EF4-FFF2-40B4-BE49-F238E27FC236}">
                  <a16:creationId xmlns:a16="http://schemas.microsoft.com/office/drawing/2014/main" id="{AA82B28E-BC74-248F-CFCE-07B10E605E4C}"/>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35" name="Freeform: Shape 34">
              <a:extLst>
                <a:ext uri="{FF2B5EF4-FFF2-40B4-BE49-F238E27FC236}">
                  <a16:creationId xmlns:a16="http://schemas.microsoft.com/office/drawing/2014/main" id="{1133DB2B-43B7-2E06-193C-737E0469EB1D}"/>
                </a:ext>
              </a:extLst>
            </p:cNvPr>
            <p:cNvSpPr/>
            <p:nvPr/>
          </p:nvSpPr>
          <p:spPr>
            <a:xfrm>
              <a:off x="9703183" y="2973925"/>
              <a:ext cx="391447" cy="391447"/>
            </a:xfrm>
            <a:custGeom>
              <a:avLst/>
              <a:gdLst>
                <a:gd fmla="*/ 391447 w 391447" name="connsiteX0"/>
                <a:gd fmla="*/ 195724 h 391447" name="connsiteY0"/>
                <a:gd fmla="*/ 195724 w 391447" name="connsiteX1"/>
                <a:gd fmla="*/ 391447 h 391447" name="connsiteY1"/>
                <a:gd fmla="*/ 0 w 391447" name="connsiteX2"/>
                <a:gd fmla="*/ 195724 h 391447" name="connsiteY2"/>
                <a:gd fmla="*/ 195724 w 391447" name="connsiteX3"/>
                <a:gd fmla="*/ 0 h 391447" name="connsiteY3"/>
                <a:gd fmla="*/ 391447 w 391447" name="connsiteX4"/>
                <a:gd fmla="*/ 195724 h 39144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91447" w="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cap="flat" w="1594">
              <a:noFill/>
              <a:prstDash val="solid"/>
              <a:miter/>
            </a:ln>
          </p:spPr>
          <p:txBody>
            <a:bodyPr anchor="ctr" rtlCol="0"/>
            <a:lstStyle/>
            <a:p>
              <a:endParaRPr lang="es-ES"/>
            </a:p>
          </p:txBody>
        </p:sp>
        <p:grpSp>
          <p:nvGrpSpPr>
            <p:cNvPr id="36" name="Graphic 4">
              <a:extLst>
                <a:ext uri="{FF2B5EF4-FFF2-40B4-BE49-F238E27FC236}">
                  <a16:creationId xmlns:a16="http://schemas.microsoft.com/office/drawing/2014/main" id="{933D968D-DF16-02D8-5F40-879AC9A6B3B0}"/>
                </a:ext>
              </a:extLst>
            </p:cNvPr>
            <p:cNvGrpSpPr/>
            <p:nvPr/>
          </p:nvGrpSpPr>
          <p:grpSpPr>
            <a:xfrm>
              <a:off x="9466672" y="2754865"/>
              <a:ext cx="829473" cy="829473"/>
              <a:chOff x="9466672" y="2754865"/>
              <a:chExt cx="829473" cy="829473"/>
            </a:xfrm>
          </p:grpSpPr>
          <p:sp>
            <p:nvSpPr>
              <p:cNvPr id="37" name="Freeform: Shape 36">
                <a:extLst>
                  <a:ext uri="{FF2B5EF4-FFF2-40B4-BE49-F238E27FC236}">
                    <a16:creationId xmlns:a16="http://schemas.microsoft.com/office/drawing/2014/main" id="{016B0562-4537-4E86-CA12-05BF3F89BC33}"/>
                  </a:ext>
                </a:extLst>
              </p:cNvPr>
              <p:cNvSpPr/>
              <p:nvPr/>
            </p:nvSpPr>
            <p:spPr>
              <a:xfrm rot="-1011000">
                <a:off x="9785720" y="3073848"/>
                <a:ext cx="191416" cy="191416"/>
              </a:xfrm>
              <a:custGeom>
                <a:avLst/>
                <a:gdLst>
                  <a:gd fmla="*/ 191417 w 191416" name="connsiteX0"/>
                  <a:gd fmla="*/ 95708 h 191416" name="connsiteY0"/>
                  <a:gd fmla="*/ 95708 w 191416" name="connsiteX1"/>
                  <a:gd fmla="*/ 191417 h 191416" name="connsiteY1"/>
                  <a:gd fmla="*/ 0 w 191416" name="connsiteX2"/>
                  <a:gd fmla="*/ 95708 h 191416" name="connsiteY2"/>
                  <a:gd fmla="*/ 95708 w 191416" name="connsiteX3"/>
                  <a:gd fmla="*/ 0 h 191416" name="connsiteY3"/>
                  <a:gd fmla="*/ 191417 w 191416" name="connsiteX4"/>
                  <a:gd fmla="*/ 95708 h 19141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91416" w="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cap="flat" w="1594">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11CC9FCC-11E3-CCA2-693B-0668426930CA}"/>
                  </a:ext>
                </a:extLst>
              </p:cNvPr>
              <p:cNvSpPr/>
              <p:nvPr/>
            </p:nvSpPr>
            <p:spPr>
              <a:xfrm>
                <a:off x="9466672" y="2754865"/>
                <a:ext cx="829473" cy="829473"/>
              </a:xfrm>
              <a:custGeom>
                <a:avLst/>
                <a:gdLst>
                  <a:gd fmla="*/ 828293 w 829473" name="connsiteX0"/>
                  <a:gd fmla="*/ 343705 h 829473" name="connsiteY0"/>
                  <a:gd fmla="*/ 826889 w 829473" name="connsiteX1"/>
                  <a:gd fmla="*/ 339637 h 829473" name="connsiteY1"/>
                  <a:gd fmla="*/ 797570 w 829473" name="connsiteX2"/>
                  <a:gd fmla="*/ 320304 h 829473" name="connsiteY2"/>
                  <a:gd fmla="*/ 752587 w 829473" name="connsiteX3"/>
                  <a:gd fmla="*/ 320304 h 829473" name="connsiteY3"/>
                  <a:gd fmla="*/ 721051 w 829473" name="connsiteX4"/>
                  <a:gd fmla="*/ 307591 h 829473" name="connsiteY4"/>
                  <a:gd fmla="*/ 720684 w 829473" name="connsiteX5"/>
                  <a:gd fmla="*/ 245333 h 829473" name="connsiteY5"/>
                  <a:gd fmla="*/ 752587 w 829473" name="connsiteX6"/>
                  <a:gd fmla="*/ 213430 h 829473" name="connsiteY6"/>
                  <a:gd fmla="*/ 752779 w 829473" name="connsiteX7"/>
                  <a:gd fmla="*/ 213238 h 829473" name="connsiteY7"/>
                  <a:gd fmla="*/ 755873 w 829473" name="connsiteX8"/>
                  <a:gd fmla="*/ 209554 h 829473" name="connsiteY8"/>
                  <a:gd fmla="*/ 752587 w 829473" name="connsiteX9"/>
                  <a:gd fmla="*/ 168128 h 829473" name="connsiteY9"/>
                  <a:gd fmla="*/ 662302 w 829473" name="connsiteX10"/>
                  <a:gd fmla="*/ 77843 h 829473" name="connsiteY10"/>
                  <a:gd fmla="*/ 662111 w 829473" name="connsiteX11"/>
                  <a:gd fmla="*/ 77651 h 829473" name="connsiteY11"/>
                  <a:gd fmla="*/ 617000 w 829473" name="connsiteX12"/>
                  <a:gd fmla="*/ 77843 h 829473" name="connsiteY12"/>
                  <a:gd fmla="*/ 607589 w 829473" name="connsiteX13"/>
                  <a:gd fmla="*/ 87254 h 829473" name="connsiteY13"/>
                  <a:gd fmla="*/ 585098 w 829473" name="connsiteX14"/>
                  <a:gd fmla="*/ 109746 h 829473" name="connsiteY14"/>
                  <a:gd fmla="*/ 553562 w 829473" name="connsiteX15"/>
                  <a:gd fmla="*/ 122459 h 829473" name="connsiteY15"/>
                  <a:gd fmla="*/ 510126 w 829473" name="connsiteX16"/>
                  <a:gd fmla="*/ 77843 h 829473" name="connsiteY16"/>
                  <a:gd fmla="*/ 510126 w 829473" name="connsiteX17"/>
                  <a:gd fmla="*/ 31903 h 829473" name="connsiteY17"/>
                  <a:gd fmla="*/ 478223 w 829473" name="connsiteX18"/>
                  <a:gd fmla="*/ 0 h 829473" name="connsiteY18"/>
                  <a:gd fmla="*/ 350612 w 829473" name="connsiteX19"/>
                  <a:gd fmla="*/ 0 h 829473" name="connsiteY19"/>
                  <a:gd fmla="*/ 318709 w 829473" name="connsiteX20"/>
                  <a:gd fmla="*/ 31903 h 829473" name="connsiteY20"/>
                  <a:gd fmla="*/ 318709 w 829473" name="connsiteX21"/>
                  <a:gd fmla="*/ 76248 h 829473" name="connsiteY21"/>
                  <a:gd fmla="*/ 305996 w 829473" name="connsiteX22"/>
                  <a:gd fmla="*/ 107784 h 829473" name="connsiteY22"/>
                  <a:gd fmla="*/ 243737 w 829473" name="connsiteX23"/>
                  <a:gd fmla="*/ 108151 h 829473" name="connsiteY23"/>
                  <a:gd fmla="*/ 215041 w 829473" name="connsiteX24"/>
                  <a:gd fmla="*/ 79454 h 829473" name="connsiteY24"/>
                  <a:gd fmla="*/ 211835 w 829473" name="connsiteX25"/>
                  <a:gd fmla="*/ 76248 h 829473" name="connsiteY25"/>
                  <a:gd fmla="*/ 211643 w 829473" name="connsiteX26"/>
                  <a:gd fmla="*/ 76056 h 829473" name="connsiteY26"/>
                  <a:gd fmla="*/ 166533 w 829473" name="connsiteX27"/>
                  <a:gd fmla="*/ 76248 h 829473" name="connsiteY27"/>
                  <a:gd fmla="*/ 77843 w 829473" name="connsiteX28"/>
                  <a:gd fmla="*/ 166852 h 829473" name="connsiteY28"/>
                  <a:gd fmla="*/ 77651 w 829473" name="connsiteX29"/>
                  <a:gd fmla="*/ 167043 h 829473" name="connsiteY29"/>
                  <a:gd fmla="*/ 68447 w 829473" name="connsiteX30"/>
                  <a:gd fmla="*/ 188402 h 829473" name="connsiteY30"/>
                  <a:gd fmla="*/ 77827 w 829473" name="connsiteX31"/>
                  <a:gd fmla="*/ 212154 h 829473" name="connsiteY31"/>
                  <a:gd fmla="*/ 109730 w 829473" name="connsiteX32"/>
                  <a:gd fmla="*/ 244056 h 829473" name="connsiteY32"/>
                  <a:gd fmla="*/ 122443 w 829473" name="connsiteX33"/>
                  <a:gd fmla="*/ 275592 h 829473" name="connsiteY33"/>
                  <a:gd fmla="*/ 77827 w 829473" name="connsiteX34"/>
                  <a:gd fmla="*/ 319028 h 829473" name="connsiteY34"/>
                  <a:gd fmla="*/ 31903 w 829473" name="connsiteX35"/>
                  <a:gd fmla="*/ 319028 h 829473" name="connsiteY35"/>
                  <a:gd fmla="*/ 0 w 829473" name="connsiteX36"/>
                  <a:gd fmla="*/ 350931 h 829473" name="connsiteY36"/>
                  <a:gd fmla="*/ 0 w 829473" name="connsiteX37"/>
                  <a:gd fmla="*/ 478861 h 829473" name="connsiteY37"/>
                  <a:gd fmla="*/ 31903 w 829473" name="connsiteX38"/>
                  <a:gd fmla="*/ 510764 h 829473" name="connsiteY38"/>
                  <a:gd fmla="*/ 76248 w 829473" name="connsiteX39"/>
                  <a:gd fmla="*/ 510764 h 829473" name="connsiteY39"/>
                  <a:gd fmla="*/ 107784 w 829473" name="connsiteX40"/>
                  <a:gd fmla="*/ 523477 h 829473" name="connsiteY40"/>
                  <a:gd fmla="*/ 108151 w 829473" name="connsiteX41"/>
                  <a:gd fmla="*/ 585736 h 829473" name="connsiteY41"/>
                  <a:gd fmla="*/ 76248 w 829473" name="connsiteX42"/>
                  <a:gd fmla="*/ 617638 h 829473" name="connsiteY42"/>
                  <a:gd fmla="*/ 76056 w 829473" name="connsiteX43"/>
                  <a:gd fmla="*/ 617830 h 829473" name="connsiteY43"/>
                  <a:gd fmla="*/ 76248 w 829473" name="connsiteX44"/>
                  <a:gd fmla="*/ 662940 h 829473" name="connsiteY44"/>
                  <a:gd fmla="*/ 166852 w 829473" name="connsiteX45"/>
                  <a:gd fmla="*/ 751630 h 829473" name="connsiteY45"/>
                  <a:gd fmla="*/ 167043 w 829473" name="connsiteX46"/>
                  <a:gd fmla="*/ 751822 h 829473" name="connsiteY46"/>
                  <a:gd fmla="*/ 212154 w 829473" name="connsiteX47"/>
                  <a:gd fmla="*/ 751630 h 829473" name="connsiteY47"/>
                  <a:gd fmla="*/ 244056 w 829473" name="connsiteX48"/>
                  <a:gd fmla="*/ 719727 h 829473" name="connsiteY48"/>
                  <a:gd fmla="*/ 275592 w 829473" name="connsiteX49"/>
                  <a:gd fmla="*/ 707014 h 829473" name="connsiteY49"/>
                  <a:gd fmla="*/ 319028 w 829473" name="connsiteX50"/>
                  <a:gd fmla="*/ 751630 h 829473" name="connsiteY50"/>
                  <a:gd fmla="*/ 319028 w 829473" name="connsiteX51"/>
                  <a:gd fmla="*/ 797570 h 829473" name="connsiteY51"/>
                  <a:gd fmla="*/ 350931 w 829473" name="connsiteX52"/>
                  <a:gd fmla="*/ 829473 h 829473" name="connsiteY52"/>
                  <a:gd fmla="*/ 478542 w 829473" name="connsiteX53"/>
                  <a:gd fmla="*/ 829473 h 829473" name="connsiteY53"/>
                  <a:gd fmla="*/ 509169 w 829473" name="connsiteX54"/>
                  <a:gd fmla="*/ 797570 h 829473" name="connsiteY54"/>
                  <a:gd fmla="*/ 509169 w 829473" name="connsiteX55"/>
                  <a:gd fmla="*/ 754182 h 829473" name="connsiteY55"/>
                  <a:gd fmla="*/ 521882 w 829473" name="connsiteX56"/>
                  <a:gd fmla="*/ 722646 h 829473" name="connsiteY56"/>
                  <a:gd fmla="*/ 584140 w 829473" name="connsiteX57"/>
                  <a:gd fmla="*/ 722280 h 829473" name="connsiteY57"/>
                  <a:gd fmla="*/ 616043 w 829473" name="connsiteX58"/>
                  <a:gd fmla="*/ 754182 h 829473" name="connsiteY58"/>
                  <a:gd fmla="*/ 616235 w 829473" name="connsiteX59"/>
                  <a:gd fmla="*/ 754374 h 829473" name="connsiteY59"/>
                  <a:gd fmla="*/ 661345 w 829473" name="connsiteX60"/>
                  <a:gd fmla="*/ 754182 h 829473" name="connsiteY60"/>
                  <a:gd fmla="*/ 751630 w 829473" name="connsiteX61"/>
                  <a:gd fmla="*/ 663897 h 829473" name="connsiteY61"/>
                  <a:gd fmla="*/ 751822 w 829473" name="connsiteX62"/>
                  <a:gd fmla="*/ 663706 h 829473" name="connsiteY62"/>
                  <a:gd fmla="*/ 751630 w 829473" name="connsiteX63"/>
                  <a:gd fmla="*/ 618595 h 829473" name="connsiteY63"/>
                  <a:gd fmla="*/ 719727 w 829473" name="connsiteX64"/>
                  <a:gd fmla="*/ 586693 h 829473" name="connsiteY64"/>
                  <a:gd fmla="*/ 707014 w 829473" name="connsiteX65"/>
                  <a:gd fmla="*/ 555157 h 829473" name="connsiteY65"/>
                  <a:gd fmla="*/ 751630 w 829473" name="connsiteX66"/>
                  <a:gd fmla="*/ 511721 h 829473" name="connsiteY66"/>
                  <a:gd fmla="*/ 797570 w 829473" name="connsiteX67"/>
                  <a:gd fmla="*/ 511721 h 829473" name="connsiteY67"/>
                  <a:gd fmla="*/ 829473 w 829473" name="connsiteX68"/>
                  <a:gd fmla="*/ 479818 h 829473" name="connsiteY68"/>
                  <a:gd fmla="*/ 829473 w 829473" name="connsiteX69"/>
                  <a:gd fmla="*/ 352207 h 829473" name="connsiteY69"/>
                  <a:gd fmla="*/ 828293 w 829473" name="connsiteX70"/>
                  <a:gd fmla="*/ 343705 h 829473" name="connsiteY70"/>
                  <a:gd fmla="*/ 414737 w 829473" name="connsiteX71"/>
                  <a:gd fmla="*/ 574251 h 829473" name="connsiteY71"/>
                  <a:gd fmla="*/ 255222 w 829473" name="connsiteX72"/>
                  <a:gd fmla="*/ 414737 h 829473" name="connsiteY72"/>
                  <a:gd fmla="*/ 414737 w 829473" name="connsiteX73"/>
                  <a:gd fmla="*/ 255222 h 829473" name="connsiteY73"/>
                  <a:gd fmla="*/ 574251 w 829473" name="connsiteX74"/>
                  <a:gd fmla="*/ 414737 h 829473" name="connsiteY74"/>
                  <a:gd fmla="*/ 414737 w 829473" name="connsiteX75"/>
                  <a:gd fmla="*/ 574251 h 829473"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29473" w="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cap="flat" w="1594">
                <a:noFill/>
                <a:prstDash val="solid"/>
                <a:miter/>
              </a:ln>
            </p:spPr>
            <p:txBody>
              <a:bodyPr anchor="ctr" rtlCol="0"/>
              <a:lstStyle/>
              <a:p>
                <a:endParaRPr lang="es-ES"/>
              </a:p>
            </p:txBody>
          </p:sp>
        </p:grpSp>
      </p:grpSp>
      <p:sp>
        <p:nvSpPr>
          <p:cNvPr id="39" name="orgunitbox">
            <a:extLst>
              <a:ext uri="{FF2B5EF4-FFF2-40B4-BE49-F238E27FC236}">
                <a16:creationId xmlns:a16="http://schemas.microsoft.com/office/drawing/2014/main" id="{16166C27-476F-1527-15A2-E8E4DE33C18A}"/>
              </a:ext>
            </a:extLst>
          </p:cNvPr>
          <p:cNvSpPr/>
          <p:nvPr/>
        </p:nvSpPr>
        <p:spPr>
          <a:xfrm>
            <a:off x="12286826" y="61360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fcacf52e637e3c79a2608a456b2236a5">
            <a:pPr algn="ctr"/>
            <a:r>
              <a:rPr lang="es-ES" sz="2400"/>
              <a:t>Configuration des unités d'organisation</a:t>
            </a:r>
            <a:endParaRPr dirty="0" lang="en-NO" sz="2400"/>
          </a:p>
        </p:txBody>
      </p:sp>
    </p:spTree>
    <p:custDataLst>
      <p:tags r:id="rId1"/>
    </p:custDataLst>
    <p:extLst>
      <p:ext uri="{BB962C8B-B14F-4D97-AF65-F5344CB8AC3E}">
        <p14:creationId xmlns:p14="http://schemas.microsoft.com/office/powerpoint/2010/main" val="4114186004"/>
      </p:ext>
    </p:extLst>
  </p:cSld>
  <p:clrMapOvr>
    <a:masterClrMapping/>
  </p:clrMapOvr>
  <mc:AlternateContent xmlns:mc="http://schemas.openxmlformats.org/markup-compatibility/2006" xmlns:p159="http://schemas.microsoft.com/office/powerpoint/2015/09/main">
    <mc:Choice Requires="p159">
      <p:transition advTm="25188" spd="slow">
        <p159:morph option="byObject"/>
      </p:transition>
    </mc:Choice>
    <mc:Fallback xmlns="">
      <p:transition advTm="25188"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xEl>
                                              <p:pRg end="0" st="0"/>
                                            </p:txEl>
                                          </p:spTgt>
                                        </p:tgtEl>
                                        <p:attrNameLst>
                                          <p:attrName>style.visibility</p:attrName>
                                        </p:attrNameLst>
                                      </p:cBhvr>
                                      <p:to>
                                        <p:strVal val="visible"/>
                                      </p:to>
                                    </p:set>
                                    <p:animEffect filter="fade" transition="in">
                                      <p:cBhvr>
                                        <p:cTn dur="500" id="7"/>
                                        <p:tgtEl>
                                          <p:spTgt spid="15">
                                            <p:txEl>
                                              <p:pRg end="0" st="0"/>
                                            </p:txEl>
                                          </p:spTgt>
                                        </p:tgtEl>
                                      </p:cBhvr>
                                    </p:animEffect>
                                  </p:childTnLst>
                                </p:cTn>
                              </p:par>
                            </p:childTnLst>
                          </p:cTn>
                        </p:par>
                      </p:childTnLst>
                    </p:cTn>
                  </p:par>
                  <p:par>
                    <p:cTn fill="hold" id="8">
                      <p:stCondLst>
                        <p:cond delay="indefinite"/>
                      </p:stCondLst>
                      <p:childTnLst>
                        <p:par>
                          <p:cTn fill="hold" id="9">
                            <p:stCondLst>
                              <p:cond delay="0"/>
                            </p:stCondLst>
                            <p:childTnLst>
                              <p:par>
                                <p:cTn fill="hold" grpId="0" id="10" nodeType="clickEffect" presetClass="entr" presetID="10" presetSubtype="0">
                                  <p:stCondLst>
                                    <p:cond delay="0"/>
                                  </p:stCondLst>
                                  <p:childTnLst>
                                    <p:set>
                                      <p:cBhvr>
                                        <p:cTn dur="1" fill="hold" id="11">
                                          <p:stCondLst>
                                            <p:cond delay="0"/>
                                          </p:stCondLst>
                                        </p:cTn>
                                        <p:tgtEl>
                                          <p:spTgt spid="15">
                                            <p:txEl>
                                              <p:pRg end="1" st="1"/>
                                            </p:txEl>
                                          </p:spTgt>
                                        </p:tgtEl>
                                        <p:attrNameLst>
                                          <p:attrName>style.visibility</p:attrName>
                                        </p:attrNameLst>
                                      </p:cBhvr>
                                      <p:to>
                                        <p:strVal val="visible"/>
                                      </p:to>
                                    </p:set>
                                    <p:animEffect filter="fade" transition="in">
                                      <p:cBhvr>
                                        <p:cTn dur="500" id="12"/>
                                        <p:tgtEl>
                                          <p:spTgt spid="15">
                                            <p:txEl>
                                              <p:pRg end="1" st="1"/>
                                            </p:txEl>
                                          </p:spTgt>
                                        </p:tgtEl>
                                      </p:cBhvr>
                                    </p:animEffect>
                                  </p:childTnLst>
                                </p:cTn>
                              </p:par>
                            </p:childTnLst>
                          </p:cTn>
                        </p:par>
                      </p:childTnLst>
                    </p:cTn>
                  </p:par>
                  <p:par>
                    <p:cTn fill="hold" id="13">
                      <p:stCondLst>
                        <p:cond delay="indefinite"/>
                      </p:stCondLst>
                      <p:childTnLst>
                        <p:par>
                          <p:cTn fill="hold" id="14">
                            <p:stCondLst>
                              <p:cond delay="0"/>
                            </p:stCondLst>
                            <p:childTnLst>
                              <p:par>
                                <p:cTn fill="hold" grpId="0" id="15" nodeType="clickEffect" presetClass="entr" presetID="10" presetSubtype="0">
                                  <p:stCondLst>
                                    <p:cond delay="0"/>
                                  </p:stCondLst>
                                  <p:childTnLst>
                                    <p:set>
                                      <p:cBhvr>
                                        <p:cTn dur="1" fill="hold" id="16">
                                          <p:stCondLst>
                                            <p:cond delay="0"/>
                                          </p:stCondLst>
                                        </p:cTn>
                                        <p:tgtEl>
                                          <p:spTgt spid="15">
                                            <p:txEl>
                                              <p:pRg end="2" st="2"/>
                                            </p:txEl>
                                          </p:spTgt>
                                        </p:tgtEl>
                                        <p:attrNameLst>
                                          <p:attrName>style.visibility</p:attrName>
                                        </p:attrNameLst>
                                      </p:cBhvr>
                                      <p:to>
                                        <p:strVal val="visible"/>
                                      </p:to>
                                    </p:set>
                                    <p:animEffect filter="fade" transition="in">
                                      <p:cBhvr>
                                        <p:cTn dur="500" id="17"/>
                                        <p:tgtEl>
                                          <p:spTgt spid="15">
                                            <p:txEl>
                                              <p:pRg end="2" st="2"/>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5" uiExpand="1"/>
    </p:bldLst>
  </p:timing>
</p:sld>
</file>

<file path=ppt/slides/slide9.xml><?xml version="1.0" encoding="utf-8"?>
<p:sld xmlns:a="http://schemas.openxmlformats.org/drawingml/2006/main" xmlns:p="http://schemas.openxmlformats.org/presentationml/2006/main" xmlns:r="http://schemas.openxmlformats.org/officeDocument/2006/relationships">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3F613-8752-C154-C3BD-D856776925D1}"/>
              </a:ext>
            </a:extLst>
          </p:cNvPr>
          <p:cNvSpPr>
            <a:spLocks noGrp="1"/>
          </p:cNvSpPr>
          <p:nvPr>
            <p:ph type="title"/>
          </p:nvPr>
        </p:nvSpPr>
        <p:spPr/>
        <p:txBody>
          <a:bodyPr/>
          <a:lstStyle/>
          <a:p txid="b6693ef49029b3d7d8e4b03197946eed">
            <a:r>
              <a:rPr lang="es-ES"/>
              <a:t>Que contrôle l'attribution d'unités d'organisation ?</a:t>
            </a:r>
            <a:endParaRPr dirty="0" lang="en-NO"/>
          </a:p>
        </p:txBody>
      </p:sp>
      <p:sp>
        <p:nvSpPr>
          <p:cNvPr id="15" name="TextBox 14">
            <a:extLst>
              <a:ext uri="{FF2B5EF4-FFF2-40B4-BE49-F238E27FC236}">
                <a16:creationId xmlns:a16="http://schemas.microsoft.com/office/drawing/2014/main" id="{B8918868-E005-E907-AFE1-A9FD1D255E20}"/>
              </a:ext>
            </a:extLst>
          </p:cNvPr>
          <p:cNvSpPr txBox="1"/>
          <p:nvPr/>
        </p:nvSpPr>
        <p:spPr>
          <a:xfrm>
            <a:off x="6096000" y="3215672"/>
            <a:ext cx="4000500" cy="910827"/>
          </a:xfrm>
          <a:prstGeom prst="rect">
            <a:avLst/>
          </a:prstGeom>
          <a:noFill/>
        </p:spPr>
        <p:txBody>
          <a:bodyPr rtlCol="0" wrap="square">
            <a:spAutoFit/>
          </a:bodyPr>
          <a:lstStyle/>
          <a:p txid="ed2a1f6ff404f94d908d0ba0f484b967">
            <a:pPr algn="l" indent="-342900" marL="342900">
              <a:lnSpc>
                <a:spcPts val="3300"/>
              </a:lnSpc>
              <a:buClr>
                <a:srgbClr val="008CCF"/>
              </a:buClr>
              <a:buFont charset="-79" pitchFamily="2" typeface="Rubik"/>
              <a:buChar char="•"/>
            </a:pPr>
            <a:r>
              <a:rPr lang="es-ES" sz="2400"/>
              <a:t>L'accès des utilisateurs à la hiérarchie organisationnelle</a:t>
            </a:r>
            <a:endParaRPr dirty="0" lang="en-NO" sz="2400">
              <a:latin typeface="+mj-lt"/>
            </a:endParaRPr>
          </a:p>
        </p:txBody>
      </p:sp>
      <p:grpSp>
        <p:nvGrpSpPr>
          <p:cNvPr id="6" name="Group 5">
            <a:extLst>
              <a:ext uri="{FF2B5EF4-FFF2-40B4-BE49-F238E27FC236}">
                <a16:creationId xmlns:a16="http://schemas.microsoft.com/office/drawing/2014/main" id="{7B391BE5-A6F8-0E89-B78C-6129CAD1847B}"/>
              </a:ext>
            </a:extLst>
          </p:cNvPr>
          <p:cNvGrpSpPr/>
          <p:nvPr/>
        </p:nvGrpSpPr>
        <p:grpSpPr>
          <a:xfrm>
            <a:off x="-2962638" y="4777589"/>
            <a:ext cx="2170117" cy="1663777"/>
            <a:chOff x="5042099" y="2205086"/>
            <a:chExt cx="2170117" cy="1663777"/>
          </a:xfrm>
        </p:grpSpPr>
        <p:grpSp>
          <p:nvGrpSpPr>
            <p:cNvPr id="7" name="Group 6">
              <a:extLst>
                <a:ext uri="{FF2B5EF4-FFF2-40B4-BE49-F238E27FC236}">
                  <a16:creationId xmlns:a16="http://schemas.microsoft.com/office/drawing/2014/main" id="{37C785B7-1941-32BE-EB72-3ED05B69EFA5}"/>
                </a:ext>
              </a:extLst>
            </p:cNvPr>
            <p:cNvGrpSpPr/>
            <p:nvPr/>
          </p:nvGrpSpPr>
          <p:grpSpPr>
            <a:xfrm>
              <a:off x="5042099" y="2205086"/>
              <a:ext cx="1663776" cy="1663777"/>
              <a:chOff x="4939393" y="2097225"/>
              <a:chExt cx="1584048" cy="1584049"/>
            </a:xfrm>
          </p:grpSpPr>
          <p:sp>
            <p:nvSpPr>
              <p:cNvPr id="13" name="Freeform: Shape 12">
                <a:extLst>
                  <a:ext uri="{FF2B5EF4-FFF2-40B4-BE49-F238E27FC236}">
                    <a16:creationId xmlns:a16="http://schemas.microsoft.com/office/drawing/2014/main" id="{407DE510-E38B-0F28-AFDB-9371529E54F8}"/>
                  </a:ext>
                </a:extLst>
              </p:cNvPr>
              <p:cNvSpPr/>
              <p:nvPr/>
            </p:nvSpPr>
            <p:spPr>
              <a:xfrm>
                <a:off x="4939393" y="2097225"/>
                <a:ext cx="1584048" cy="1584049"/>
              </a:xfrm>
              <a:custGeom>
                <a:avLst/>
                <a:gdLst>
                  <a:gd fmla="*/ 1377997 w 1584048" name="connsiteX0"/>
                  <a:gd fmla="*/ 0 h 1584049" name="connsiteY0"/>
                  <a:gd fmla="*/ 1584049 w 1584048" name="connsiteX1"/>
                  <a:gd fmla="*/ 206052 h 1584049" name="connsiteY1"/>
                  <a:gd fmla="*/ 1584049 w 1584048" name="connsiteX2"/>
                  <a:gd fmla="*/ 1377997 h 1584049" name="connsiteY2"/>
                  <a:gd fmla="*/ 1377997 w 1584048" name="connsiteX3"/>
                  <a:gd fmla="*/ 1584049 h 1584049" name="connsiteY3"/>
                  <a:gd fmla="*/ 206052 w 1584048" name="connsiteX4"/>
                  <a:gd fmla="*/ 1584049 h 1584049" name="connsiteY4"/>
                  <a:gd fmla="*/ 0 w 1584048" name="connsiteX5"/>
                  <a:gd fmla="*/ 1377997 h 1584049" name="connsiteY5"/>
                  <a:gd fmla="*/ 0 w 1584048" name="connsiteX6"/>
                  <a:gd fmla="*/ 206052 h 1584049" name="connsiteY6"/>
                  <a:gd fmla="*/ 206052 w 1584048" name="connsiteX7"/>
                  <a:gd fmla="*/ 0 h 1584049" name="connsiteY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b="b" l="l" r="r" t="t"/>
                <a:pathLst>
                  <a:path h="1584049" w="1584048">
                    <a:moveTo>
                      <a:pt x="1377997" y="0"/>
                    </a:moveTo>
                    <a:cubicBezTo>
                      <a:pt x="1491796" y="0"/>
                      <a:pt x="1584049" y="92253"/>
                      <a:pt x="1584049" y="206052"/>
                    </a:cubicBezTo>
                    <a:lnTo>
                      <a:pt x="1584049" y="1377997"/>
                    </a:lnTo>
                    <a:cubicBezTo>
                      <a:pt x="1584049" y="1491796"/>
                      <a:pt x="1491796" y="1584049"/>
                      <a:pt x="1377997" y="1584049"/>
                    </a:cubicBezTo>
                    <a:lnTo>
                      <a:pt x="206052" y="1584049"/>
                    </a:lnTo>
                    <a:cubicBezTo>
                      <a:pt x="92253" y="1584049"/>
                      <a:pt x="0" y="1491796"/>
                      <a:pt x="0" y="1377997"/>
                    </a:cubicBezTo>
                    <a:lnTo>
                      <a:pt x="0" y="206052"/>
                    </a:lnTo>
                    <a:cubicBezTo>
                      <a:pt x="0" y="92253"/>
                      <a:pt x="92253" y="0"/>
                      <a:pt x="206052" y="0"/>
                    </a:cubicBezTo>
                    <a:close/>
                  </a:path>
                </a:pathLst>
              </a:custGeom>
              <a:solidFill>
                <a:srgbClr val="093371"/>
              </a:solidFill>
              <a:ln cap="flat" w="2505">
                <a:noFill/>
                <a:prstDash val="solid"/>
                <a:miter/>
              </a:ln>
            </p:spPr>
            <p:txBody>
              <a:bodyPr anchor="ctr" rtlCol="0"/>
              <a:lstStyle/>
              <a:p>
                <a:endParaRPr lang="es-ES"/>
              </a:p>
            </p:txBody>
          </p:sp>
          <p:grpSp>
            <p:nvGrpSpPr>
              <p:cNvPr id="16" name="Group 15">
                <a:extLst>
                  <a:ext uri="{FF2B5EF4-FFF2-40B4-BE49-F238E27FC236}">
                    <a16:creationId xmlns:a16="http://schemas.microsoft.com/office/drawing/2014/main" id="{709A221D-9306-CEA4-A43D-F6818E843EC3}"/>
                  </a:ext>
                </a:extLst>
              </p:cNvPr>
              <p:cNvGrpSpPr/>
              <p:nvPr/>
            </p:nvGrpSpPr>
            <p:grpSpPr>
              <a:xfrm>
                <a:off x="5192227" y="2369148"/>
                <a:ext cx="1078380" cy="1040202"/>
                <a:chOff x="3448859" y="1386457"/>
                <a:chExt cx="1078380" cy="1040202"/>
              </a:xfrm>
            </p:grpSpPr>
            <p:sp>
              <p:nvSpPr>
                <p:cNvPr id="17" name="Freeform: Shape 16">
                  <a:extLst>
                    <a:ext uri="{FF2B5EF4-FFF2-40B4-BE49-F238E27FC236}">
                      <a16:creationId xmlns:a16="http://schemas.microsoft.com/office/drawing/2014/main" id="{3BAF296F-FE62-8976-CB5F-3E24CBD5E498}"/>
                    </a:ext>
                  </a:extLst>
                </p:cNvPr>
                <p:cNvSpPr/>
                <p:nvPr/>
              </p:nvSpPr>
              <p:spPr>
                <a:xfrm>
                  <a:off x="3696139" y="1386457"/>
                  <a:ext cx="584565" cy="584565"/>
                </a:xfrm>
                <a:custGeom>
                  <a:avLst/>
                  <a:gdLst>
                    <a:gd fmla="*/ 584566 w 584565" name="connsiteX0"/>
                    <a:gd fmla="*/ 292283 h 584565" name="connsiteY0"/>
                    <a:gd fmla="*/ 292283 w 584565" name="connsiteX1"/>
                    <a:gd fmla="*/ 584565 h 584565" name="connsiteY1"/>
                    <a:gd fmla="*/ 0 w 584565" name="connsiteX2"/>
                    <a:gd fmla="*/ 292283 h 584565" name="connsiteY2"/>
                    <a:gd fmla="*/ 292283 w 584565" name="connsiteX3"/>
                    <a:gd fmla="*/ 0 h 584565" name="connsiteY3"/>
                    <a:gd fmla="*/ 584566 w 584565" name="connsiteX4"/>
                    <a:gd fmla="*/ 292283 h 5845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584565" w="584565">
                      <a:moveTo>
                        <a:pt x="584566" y="292283"/>
                      </a:moveTo>
                      <a:cubicBezTo>
                        <a:pt x="584566" y="453706"/>
                        <a:pt x="453706" y="584565"/>
                        <a:pt x="292283" y="584565"/>
                      </a:cubicBezTo>
                      <a:cubicBezTo>
                        <a:pt x="130859" y="584565"/>
                        <a:pt x="0" y="453706"/>
                        <a:pt x="0" y="292283"/>
                      </a:cubicBezTo>
                      <a:cubicBezTo>
                        <a:pt x="0" y="130859"/>
                        <a:pt x="130859" y="0"/>
                        <a:pt x="292283" y="0"/>
                      </a:cubicBezTo>
                      <a:cubicBezTo>
                        <a:pt x="453706" y="0"/>
                        <a:pt x="584566" y="130859"/>
                        <a:pt x="584566" y="292283"/>
                      </a:cubicBezTo>
                      <a:close/>
                    </a:path>
                  </a:pathLst>
                </a:custGeom>
                <a:solidFill>
                  <a:schemeClr val="bg1"/>
                </a:solidFill>
                <a:ln cap="flat" w="1491">
                  <a:noFill/>
                  <a:prstDash val="solid"/>
                  <a:miter/>
                </a:ln>
              </p:spPr>
              <p:txBody>
                <a:bodyPr anchor="ctr" rtlCol="0"/>
                <a:lstStyle/>
                <a:p>
                  <a:endParaRPr lang="es-ES"/>
                </a:p>
              </p:txBody>
            </p:sp>
            <p:sp>
              <p:nvSpPr>
                <p:cNvPr id="18" name="Freeform: Shape 17">
                  <a:extLst>
                    <a:ext uri="{FF2B5EF4-FFF2-40B4-BE49-F238E27FC236}">
                      <a16:creationId xmlns:a16="http://schemas.microsoft.com/office/drawing/2014/main" id="{DFCD3EF2-35CE-700A-0E42-812A0D8C92ED}"/>
                    </a:ext>
                  </a:extLst>
                </p:cNvPr>
                <p:cNvSpPr/>
                <p:nvPr/>
              </p:nvSpPr>
              <p:spPr>
                <a:xfrm>
                  <a:off x="3448859" y="1932621"/>
                  <a:ext cx="1078380" cy="494038"/>
                </a:xfrm>
                <a:custGeom>
                  <a:avLst/>
                  <a:gdLst>
                    <a:gd fmla="*/ 754463 w 1078380" name="connsiteX0"/>
                    <a:gd fmla="*/ 209 h 494038" name="connsiteY0"/>
                    <a:gd fmla="*/ 539563 w 1078380" name="connsiteX1"/>
                    <a:gd fmla="*/ 78907 h 494038" name="connsiteY1"/>
                    <a:gd fmla="*/ 324410 w 1078380" name="connsiteX2"/>
                    <a:gd fmla="*/ 0 h 494038" name="connsiteY2"/>
                    <a:gd fmla="*/ 0 w 1078380" name="connsiteX3"/>
                    <a:gd fmla="*/ 494038 h 494038" name="connsiteY3"/>
                    <a:gd fmla="*/ 1078380 w 1078380" name="connsiteX4"/>
                    <a:gd fmla="*/ 494038 h 494038" name="connsiteY4"/>
                    <a:gd fmla="*/ 754478 w 1078380" name="connsiteX5"/>
                    <a:gd fmla="*/ 209 h 494038" name="connsiteY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b="b" l="l" r="r" t="t"/>
                  <a:pathLst>
                    <a:path h="494038" w="1078380">
                      <a:moveTo>
                        <a:pt x="754463" y="209"/>
                      </a:moveTo>
                      <a:cubicBezTo>
                        <a:pt x="694450" y="51126"/>
                        <a:pt x="619142" y="78907"/>
                        <a:pt x="539563" y="78907"/>
                      </a:cubicBezTo>
                      <a:cubicBezTo>
                        <a:pt x="459984" y="78907"/>
                        <a:pt x="384453" y="51066"/>
                        <a:pt x="324410" y="0"/>
                      </a:cubicBezTo>
                      <a:cubicBezTo>
                        <a:pt x="133692" y="82925"/>
                        <a:pt x="269" y="272881"/>
                        <a:pt x="0" y="494038"/>
                      </a:cubicBezTo>
                      <a:lnTo>
                        <a:pt x="1078380" y="494038"/>
                      </a:lnTo>
                      <a:cubicBezTo>
                        <a:pt x="1078111" y="273075"/>
                        <a:pt x="944927" y="83238"/>
                        <a:pt x="754478" y="209"/>
                      </a:cubicBezTo>
                      <a:close/>
                    </a:path>
                  </a:pathLst>
                </a:custGeom>
                <a:solidFill>
                  <a:schemeClr val="accent1"/>
                </a:solidFill>
                <a:ln cap="flat" w="1491">
                  <a:noFill/>
                  <a:prstDash val="solid"/>
                  <a:miter/>
                </a:ln>
              </p:spPr>
              <p:txBody>
                <a:bodyPr anchor="ctr" rtlCol="0"/>
                <a:lstStyle/>
                <a:p>
                  <a:endParaRPr lang="es-ES"/>
                </a:p>
              </p:txBody>
            </p:sp>
          </p:grpSp>
        </p:grpSp>
        <p:sp>
          <p:nvSpPr>
            <p:cNvPr id="8" name="Freeform: Shape 7">
              <a:extLst>
                <a:ext uri="{FF2B5EF4-FFF2-40B4-BE49-F238E27FC236}">
                  <a16:creationId xmlns:a16="http://schemas.microsoft.com/office/drawing/2014/main" id="{3D7546DD-9E01-9EDF-1CF4-62AC88598BE3}"/>
                </a:ext>
              </a:extLst>
            </p:cNvPr>
            <p:cNvSpPr/>
            <p:nvPr/>
          </p:nvSpPr>
          <p:spPr>
            <a:xfrm>
              <a:off x="6619271" y="2775456"/>
              <a:ext cx="391447" cy="391447"/>
            </a:xfrm>
            <a:custGeom>
              <a:avLst/>
              <a:gdLst>
                <a:gd fmla="*/ 617025 w 617024" name="connsiteX0"/>
                <a:gd fmla="*/ 308512 h 617024" name="connsiteY0"/>
                <a:gd fmla="*/ 308512 w 617024" name="connsiteX1"/>
                <a:gd fmla="*/ 617025 h 617024" name="connsiteY1"/>
                <a:gd fmla="*/ 0 w 617024" name="connsiteX2"/>
                <a:gd fmla="*/ 308512 h 617024" name="connsiteY2"/>
                <a:gd fmla="*/ 308512 w 617024" name="connsiteX3"/>
                <a:gd fmla="*/ 0 h 617024" name="connsiteY3"/>
                <a:gd fmla="*/ 617025 w 617024" name="connsiteX4"/>
                <a:gd fmla="*/ 308512 h 617024"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17024" w="617024">
                  <a:moveTo>
                    <a:pt x="617025" y="308512"/>
                  </a:moveTo>
                  <a:cubicBezTo>
                    <a:pt x="617025" y="478899"/>
                    <a:pt x="478899" y="617025"/>
                    <a:pt x="308512" y="617025"/>
                  </a:cubicBezTo>
                  <a:cubicBezTo>
                    <a:pt x="138126" y="617025"/>
                    <a:pt x="0" y="478899"/>
                    <a:pt x="0" y="308512"/>
                  </a:cubicBezTo>
                  <a:cubicBezTo>
                    <a:pt x="0" y="138126"/>
                    <a:pt x="138126" y="0"/>
                    <a:pt x="308512" y="0"/>
                  </a:cubicBezTo>
                  <a:cubicBezTo>
                    <a:pt x="478899" y="0"/>
                    <a:pt x="617025" y="138126"/>
                    <a:pt x="617025" y="308512"/>
                  </a:cubicBezTo>
                  <a:close/>
                </a:path>
              </a:pathLst>
            </a:custGeom>
            <a:solidFill>
              <a:srgbClr val="FFFFFF"/>
            </a:solidFill>
            <a:ln cap="flat" w="2505">
              <a:noFill/>
              <a:prstDash val="solid"/>
              <a:miter/>
            </a:ln>
          </p:spPr>
          <p:txBody>
            <a:bodyPr anchor="ctr" rtlCol="0"/>
            <a:lstStyle/>
            <a:p>
              <a:endParaRPr lang="es-ES"/>
            </a:p>
          </p:txBody>
        </p:sp>
        <p:grpSp>
          <p:nvGrpSpPr>
            <p:cNvPr id="9" name="Graphic 30">
              <a:extLst>
                <a:ext uri="{FF2B5EF4-FFF2-40B4-BE49-F238E27FC236}">
                  <a16:creationId xmlns:a16="http://schemas.microsoft.com/office/drawing/2014/main" id="{EAF1DC6F-3651-2CED-A61A-89D6C3BD9832}"/>
                </a:ext>
              </a:extLst>
            </p:cNvPr>
            <p:cNvGrpSpPr/>
            <p:nvPr/>
          </p:nvGrpSpPr>
          <p:grpSpPr>
            <a:xfrm>
              <a:off x="6382743" y="2556395"/>
              <a:ext cx="829473" cy="829474"/>
              <a:chOff x="5945741" y="2242429"/>
              <a:chExt cx="1307468" cy="1307469"/>
            </a:xfrm>
          </p:grpSpPr>
          <p:sp>
            <p:nvSpPr>
              <p:cNvPr id="11" name="Freeform: Shape 10">
                <a:extLst>
                  <a:ext uri="{FF2B5EF4-FFF2-40B4-BE49-F238E27FC236}">
                    <a16:creationId xmlns:a16="http://schemas.microsoft.com/office/drawing/2014/main" id="{94180B34-A059-F119-200A-D30A18CDFFFC}"/>
                  </a:ext>
                </a:extLst>
              </p:cNvPr>
              <p:cNvSpPr/>
              <p:nvPr/>
            </p:nvSpPr>
            <p:spPr>
              <a:xfrm rot="-1011000">
                <a:off x="6448661" y="2745134"/>
                <a:ext cx="301723" cy="301723"/>
              </a:xfrm>
              <a:custGeom>
                <a:avLst/>
                <a:gdLst>
                  <a:gd fmla="*/ 301724 w 301723" name="connsiteX0"/>
                  <a:gd fmla="*/ 150862 h 301723" name="connsiteY0"/>
                  <a:gd fmla="*/ 150862 w 301723" name="connsiteX1"/>
                  <a:gd fmla="*/ 301724 h 301723" name="connsiteY1"/>
                  <a:gd fmla="*/ 0 w 301723" name="connsiteX2"/>
                  <a:gd fmla="*/ 150862 h 301723" name="connsiteY2"/>
                  <a:gd fmla="*/ 150862 w 301723" name="connsiteX3"/>
                  <a:gd fmla="*/ 0 h 301723" name="connsiteY3"/>
                  <a:gd fmla="*/ 301724 w 301723" name="connsiteX4"/>
                  <a:gd fmla="*/ 150862 h 301723"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01723" w="301723">
                    <a:moveTo>
                      <a:pt x="301724" y="150862"/>
                    </a:moveTo>
                    <a:cubicBezTo>
                      <a:pt x="301724" y="234180"/>
                      <a:pt x="234180" y="301724"/>
                      <a:pt x="150862" y="301724"/>
                    </a:cubicBezTo>
                    <a:cubicBezTo>
                      <a:pt x="67543" y="301724"/>
                      <a:pt x="0" y="234180"/>
                      <a:pt x="0" y="150862"/>
                    </a:cubicBezTo>
                    <a:cubicBezTo>
                      <a:pt x="0" y="67543"/>
                      <a:pt x="67543" y="0"/>
                      <a:pt x="150862" y="0"/>
                    </a:cubicBezTo>
                    <a:cubicBezTo>
                      <a:pt x="234180" y="0"/>
                      <a:pt x="301724" y="67543"/>
                      <a:pt x="301724" y="150862"/>
                    </a:cubicBezTo>
                    <a:close/>
                  </a:path>
                </a:pathLst>
              </a:custGeom>
              <a:solidFill>
                <a:schemeClr val="accent2"/>
              </a:solidFill>
              <a:ln cap="flat" w="2505">
                <a:noFill/>
                <a:prstDash val="solid"/>
                <a:miter/>
              </a:ln>
            </p:spPr>
            <p:txBody>
              <a:bodyPr anchor="ctr" rtlCol="0"/>
              <a:lstStyle/>
              <a:p>
                <a:endParaRPr lang="es-ES"/>
              </a:p>
            </p:txBody>
          </p:sp>
          <p:sp>
            <p:nvSpPr>
              <p:cNvPr id="12" name="Freeform: Shape 11">
                <a:extLst>
                  <a:ext uri="{FF2B5EF4-FFF2-40B4-BE49-F238E27FC236}">
                    <a16:creationId xmlns:a16="http://schemas.microsoft.com/office/drawing/2014/main" id="{0583CBF2-03BE-CFAB-2064-F5B20D08CC13}"/>
                  </a:ext>
                </a:extLst>
              </p:cNvPr>
              <p:cNvSpPr/>
              <p:nvPr/>
            </p:nvSpPr>
            <p:spPr>
              <a:xfrm>
                <a:off x="5945741" y="2242429"/>
                <a:ext cx="1307468" cy="1307469"/>
              </a:xfrm>
              <a:custGeom>
                <a:avLst/>
                <a:gdLst>
                  <a:gd fmla="*/ 1305633 w 1307468" name="connsiteX0"/>
                  <a:gd fmla="*/ 541770 h 1307469" name="connsiteY0"/>
                  <a:gd fmla="*/ 1303421 w 1307468" name="connsiteX1"/>
                  <a:gd fmla="*/ 535358 h 1307469" name="connsiteY1"/>
                  <a:gd fmla="*/ 1257207 w 1307468" name="connsiteX2"/>
                  <a:gd fmla="*/ 504884 h 1307469" name="connsiteY2"/>
                  <a:gd fmla="*/ 1186302 w 1307468" name="connsiteX3"/>
                  <a:gd fmla="*/ 504884 h 1307469" name="connsiteY3"/>
                  <a:gd fmla="*/ 1136593 w 1307468" name="connsiteX4"/>
                  <a:gd fmla="*/ 484845 h 1307469" name="connsiteY4"/>
                  <a:gd fmla="*/ 1136014 w 1307468" name="connsiteX5"/>
                  <a:gd fmla="*/ 386709 h 1307469" name="connsiteY5"/>
                  <a:gd fmla="*/ 1186302 w 1307468" name="connsiteX6"/>
                  <a:gd fmla="*/ 336422 h 1307469" name="connsiteY6"/>
                  <a:gd fmla="*/ 1186603 w 1307468" name="connsiteX7"/>
                  <a:gd fmla="*/ 336120 h 1307469" name="connsiteY7"/>
                  <a:gd fmla="*/ 1191481 w 1307468" name="connsiteX8"/>
                  <a:gd fmla="*/ 330312 h 1307469" name="connsiteY8"/>
                  <a:gd fmla="*/ 1186302 w 1307468" name="connsiteX9"/>
                  <a:gd fmla="*/ 265014 h 1307469" name="connsiteY9"/>
                  <a:gd fmla="*/ 1043989 w 1307468" name="connsiteX10"/>
                  <a:gd fmla="*/ 122701 h 1307469" name="connsiteY10"/>
                  <a:gd fmla="*/ 1043687 w 1307468" name="connsiteX11"/>
                  <a:gd fmla="*/ 122399 h 1307469" name="connsiteY11"/>
                  <a:gd fmla="*/ 972581 w 1307468" name="connsiteX12"/>
                  <a:gd fmla="*/ 122701 h 1307469" name="connsiteY12"/>
                  <a:gd fmla="*/ 957746 w 1307468" name="connsiteX13"/>
                  <a:gd fmla="*/ 137536 h 1307469" name="connsiteY13"/>
                  <a:gd fmla="*/ 922294 w 1307468" name="connsiteX14"/>
                  <a:gd fmla="*/ 172988 h 1307469" name="connsiteY14"/>
                  <a:gd fmla="*/ 872585 w 1307468" name="connsiteX15"/>
                  <a:gd fmla="*/ 193028 h 1307469" name="connsiteY15"/>
                  <a:gd fmla="*/ 804118 w 1307468" name="connsiteX16"/>
                  <a:gd fmla="*/ 122701 h 1307469" name="connsiteY16"/>
                  <a:gd fmla="*/ 804118 w 1307468" name="connsiteX17"/>
                  <a:gd fmla="*/ 50287 h 1307469" name="connsiteY17"/>
                  <a:gd fmla="*/ 753831 w 1307468" name="connsiteX18"/>
                  <a:gd fmla="*/ 0 h 1307469" name="connsiteY18"/>
                  <a:gd fmla="*/ 552682 w 1307468" name="connsiteX19"/>
                  <a:gd fmla="*/ 0 h 1307469" name="connsiteY19"/>
                  <a:gd fmla="*/ 502395 w 1307468" name="connsiteX20"/>
                  <a:gd fmla="*/ 50287 h 1307469" name="connsiteY20"/>
                  <a:gd fmla="*/ 502395 w 1307468" name="connsiteX21"/>
                  <a:gd fmla="*/ 120187 h 1307469" name="connsiteY21"/>
                  <a:gd fmla="*/ 482355 w 1307468" name="connsiteX22"/>
                  <a:gd fmla="*/ 169896 h 1307469" name="connsiteY22"/>
                  <a:gd fmla="*/ 384220 w 1307468" name="connsiteX23"/>
                  <a:gd fmla="*/ 170474 h 1307469" name="connsiteY23"/>
                  <a:gd fmla="*/ 338986 w 1307468" name="connsiteX24"/>
                  <a:gd fmla="*/ 125240 h 1307469" name="connsiteY24"/>
                  <a:gd fmla="*/ 333933 w 1307468" name="connsiteX25"/>
                  <a:gd fmla="*/ 120187 h 1307469" name="connsiteY25"/>
                  <a:gd fmla="*/ 333631 w 1307468" name="connsiteX26"/>
                  <a:gd fmla="*/ 119885 h 1307469" name="connsiteY26"/>
                  <a:gd fmla="*/ 262525 w 1307468" name="connsiteX27"/>
                  <a:gd fmla="*/ 120187 h 1307469" name="connsiteY27"/>
                  <a:gd fmla="*/ 122726 w 1307468" name="connsiteX28"/>
                  <a:gd fmla="*/ 263002 h 1307469" name="connsiteY28"/>
                  <a:gd fmla="*/ 122424 w 1307468" name="connsiteX29"/>
                  <a:gd fmla="*/ 263304 h 1307469" name="connsiteY29"/>
                  <a:gd fmla="*/ 107916 w 1307468" name="connsiteX30"/>
                  <a:gd fmla="*/ 296971 h 1307469" name="connsiteY30"/>
                  <a:gd fmla="*/ 122701 w 1307468" name="connsiteX31"/>
                  <a:gd fmla="*/ 334410 h 1307469" name="connsiteY31"/>
                  <a:gd fmla="*/ 172988 w 1307468" name="connsiteX32"/>
                  <a:gd fmla="*/ 384698 h 1307469" name="connsiteY32"/>
                  <a:gd fmla="*/ 193028 w 1307468" name="connsiteX33"/>
                  <a:gd fmla="*/ 434407 h 1307469" name="connsiteY33"/>
                  <a:gd fmla="*/ 122701 w 1307468" name="connsiteX34"/>
                  <a:gd fmla="*/ 502873 h 1307469" name="connsiteY34"/>
                  <a:gd fmla="*/ 50287 w 1307468" name="connsiteX35"/>
                  <a:gd fmla="*/ 502873 h 1307469" name="connsiteY35"/>
                  <a:gd fmla="*/ 0 w 1307468" name="connsiteX36"/>
                  <a:gd fmla="*/ 553160 h 1307469" name="connsiteY36"/>
                  <a:gd fmla="*/ 0 w 1307468" name="connsiteX37"/>
                  <a:gd fmla="*/ 754812 h 1307469" name="connsiteY37"/>
                  <a:gd fmla="*/ 50287 w 1307468" name="connsiteX38"/>
                  <a:gd fmla="*/ 805099 h 1307469" name="connsiteY38"/>
                  <a:gd fmla="*/ 120187 w 1307468" name="connsiteX39"/>
                  <a:gd fmla="*/ 805099 h 1307469" name="connsiteY39"/>
                  <a:gd fmla="*/ 169896 w 1307468" name="connsiteX40"/>
                  <a:gd fmla="*/ 825139 h 1307469" name="connsiteY40"/>
                  <a:gd fmla="*/ 170474 w 1307468" name="connsiteX41"/>
                  <a:gd fmla="*/ 923274 h 1307469" name="connsiteY41"/>
                  <a:gd fmla="*/ 120187 w 1307468" name="connsiteX42"/>
                  <a:gd fmla="*/ 973562 h 1307469" name="connsiteY42"/>
                  <a:gd fmla="*/ 119885 w 1307468" name="connsiteX43"/>
                  <a:gd fmla="*/ 973863 h 1307469" name="connsiteY43"/>
                  <a:gd fmla="*/ 120187 w 1307468" name="connsiteX44"/>
                  <a:gd fmla="*/ 1044970 h 1307469" name="connsiteY44"/>
                  <a:gd fmla="*/ 263002 w 1307468" name="connsiteX45"/>
                  <a:gd fmla="*/ 1184768 h 1307469" name="connsiteY45"/>
                  <a:gd fmla="*/ 263304 w 1307468" name="connsiteX46"/>
                  <a:gd fmla="*/ 1185070 h 1307469" name="connsiteY46"/>
                  <a:gd fmla="*/ 334410 w 1307468" name="connsiteX47"/>
                  <a:gd fmla="*/ 1184768 h 1307469" name="connsiteY47"/>
                  <a:gd fmla="*/ 384698 w 1307468" name="connsiteX48"/>
                  <a:gd fmla="*/ 1134481 h 1307469" name="connsiteY48"/>
                  <a:gd fmla="*/ 434407 w 1307468" name="connsiteX49"/>
                  <a:gd fmla="*/ 1114441 h 1307469" name="connsiteY49"/>
                  <a:gd fmla="*/ 502873 w 1307468" name="connsiteX50"/>
                  <a:gd fmla="*/ 1184768 h 1307469" name="connsiteY50"/>
                  <a:gd fmla="*/ 502873 w 1307468" name="connsiteX51"/>
                  <a:gd fmla="*/ 1257182 h 1307469" name="connsiteY51"/>
                  <a:gd fmla="*/ 553160 w 1307468" name="connsiteX52"/>
                  <a:gd fmla="*/ 1307469 h 1307469" name="connsiteY52"/>
                  <a:gd fmla="*/ 754309 w 1307468" name="connsiteX53"/>
                  <a:gd fmla="*/ 1307469 h 1307469" name="connsiteY53"/>
                  <a:gd fmla="*/ 802585 w 1307468" name="connsiteX54"/>
                  <a:gd fmla="*/ 1257182 h 1307469" name="connsiteY54"/>
                  <a:gd fmla="*/ 802585 w 1307468" name="connsiteX55"/>
                  <a:gd fmla="*/ 1188791 h 1307469" name="connsiteY55"/>
                  <a:gd fmla="*/ 822624 w 1307468" name="connsiteX56"/>
                  <a:gd fmla="*/ 1139082 h 1307469" name="connsiteY56"/>
                  <a:gd fmla="*/ 920760 w 1307468" name="connsiteX57"/>
                  <a:gd fmla="*/ 1138504 h 1307469" name="connsiteY57"/>
                  <a:gd fmla="*/ 971047 w 1307468" name="connsiteX58"/>
                  <a:gd fmla="*/ 1188791 h 1307469" name="connsiteY58"/>
                  <a:gd fmla="*/ 971349 w 1307468" name="connsiteX59"/>
                  <a:gd fmla="*/ 1189093 h 1307469" name="connsiteY59"/>
                  <a:gd fmla="*/ 1042455 w 1307468" name="connsiteX60"/>
                  <a:gd fmla="*/ 1188791 h 1307469" name="connsiteY60"/>
                  <a:gd fmla="*/ 1184768 w 1307468" name="connsiteX61"/>
                  <a:gd fmla="*/ 1046478 h 1307469" name="connsiteY61"/>
                  <a:gd fmla="*/ 1185070 w 1307468" name="connsiteX62"/>
                  <a:gd fmla="*/ 1046176 h 1307469" name="connsiteY62"/>
                  <a:gd fmla="*/ 1184768 w 1307468" name="connsiteX63"/>
                  <a:gd fmla="*/ 975070 h 1307469" name="connsiteY63"/>
                  <a:gd fmla="*/ 1134481 w 1307468" name="connsiteX64"/>
                  <a:gd fmla="*/ 924783 h 1307469" name="connsiteY64"/>
                  <a:gd fmla="*/ 1114441 w 1307468" name="connsiteX65"/>
                  <a:gd fmla="*/ 875074 h 1307469" name="connsiteY65"/>
                  <a:gd fmla="*/ 1184768 w 1307468" name="connsiteX66"/>
                  <a:gd fmla="*/ 806608 h 1307469" name="connsiteY66"/>
                  <a:gd fmla="*/ 1257182 w 1307468" name="connsiteX67"/>
                  <a:gd fmla="*/ 806608 h 1307469" name="connsiteY67"/>
                  <a:gd fmla="*/ 1307469 w 1307468" name="connsiteX68"/>
                  <a:gd fmla="*/ 756321 h 1307469" name="connsiteY68"/>
                  <a:gd fmla="*/ 1307469 w 1307468" name="connsiteX69"/>
                  <a:gd fmla="*/ 555171 h 1307469" name="connsiteY69"/>
                  <a:gd fmla="*/ 1305608 w 1307468" name="connsiteX70"/>
                  <a:gd fmla="*/ 541770 h 1307469" name="connsiteY70"/>
                  <a:gd fmla="*/ 653760 w 1307468" name="connsiteX71"/>
                  <a:gd fmla="*/ 905171 h 1307469" name="connsiteY71"/>
                  <a:gd fmla="*/ 402323 w 1307468" name="connsiteX72"/>
                  <a:gd fmla="*/ 653735 h 1307469" name="connsiteY72"/>
                  <a:gd fmla="*/ 653760 w 1307468" name="connsiteX73"/>
                  <a:gd fmla="*/ 402298 h 1307469" name="connsiteY73"/>
                  <a:gd fmla="*/ 905196 w 1307468" name="connsiteX74"/>
                  <a:gd fmla="*/ 653735 h 1307469" name="connsiteY74"/>
                  <a:gd fmla="*/ 653760 w 1307468" name="connsiteX75"/>
                  <a:gd fmla="*/ 905171 h 1307469"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1307469" w="1307468">
                    <a:moveTo>
                      <a:pt x="1305633" y="541770"/>
                    </a:moveTo>
                    <a:cubicBezTo>
                      <a:pt x="1304904" y="539633"/>
                      <a:pt x="1304175" y="537495"/>
                      <a:pt x="1303421" y="535358"/>
                    </a:cubicBezTo>
                    <a:cubicBezTo>
                      <a:pt x="1295727" y="517456"/>
                      <a:pt x="1277925" y="504884"/>
                      <a:pt x="1257207" y="504884"/>
                    </a:cubicBezTo>
                    <a:lnTo>
                      <a:pt x="1186302" y="504884"/>
                    </a:lnTo>
                    <a:cubicBezTo>
                      <a:pt x="1167721" y="505136"/>
                      <a:pt x="1149793" y="497919"/>
                      <a:pt x="1136593" y="484845"/>
                    </a:cubicBezTo>
                    <a:cubicBezTo>
                      <a:pt x="1109337" y="457891"/>
                      <a:pt x="1109086" y="413965"/>
                      <a:pt x="1136014" y="386709"/>
                    </a:cubicBezTo>
                    <a:lnTo>
                      <a:pt x="1186302" y="336422"/>
                    </a:lnTo>
                    <a:cubicBezTo>
                      <a:pt x="1186302" y="336422"/>
                      <a:pt x="1186503" y="336221"/>
                      <a:pt x="1186603" y="336120"/>
                    </a:cubicBezTo>
                    <a:cubicBezTo>
                      <a:pt x="1188414" y="334285"/>
                      <a:pt x="1189998" y="332323"/>
                      <a:pt x="1191481" y="330312"/>
                    </a:cubicBezTo>
                    <a:cubicBezTo>
                      <a:pt x="1205914" y="310574"/>
                      <a:pt x="1204204" y="282740"/>
                      <a:pt x="1186302" y="265014"/>
                    </a:cubicBezTo>
                    <a:lnTo>
                      <a:pt x="1043989" y="122701"/>
                    </a:lnTo>
                    <a:cubicBezTo>
                      <a:pt x="1043989" y="122701"/>
                      <a:pt x="1043788" y="122500"/>
                      <a:pt x="1043687" y="122399"/>
                    </a:cubicBezTo>
                    <a:cubicBezTo>
                      <a:pt x="1023974" y="102837"/>
                      <a:pt x="992117" y="102963"/>
                      <a:pt x="972581" y="122701"/>
                    </a:cubicBezTo>
                    <a:lnTo>
                      <a:pt x="957746" y="137536"/>
                    </a:lnTo>
                    <a:lnTo>
                      <a:pt x="922294" y="172988"/>
                    </a:lnTo>
                    <a:cubicBezTo>
                      <a:pt x="909068" y="186063"/>
                      <a:pt x="891166" y="193279"/>
                      <a:pt x="872585" y="193028"/>
                    </a:cubicBezTo>
                    <a:cubicBezTo>
                      <a:pt x="834266" y="192525"/>
                      <a:pt x="803616" y="161020"/>
                      <a:pt x="804118" y="122701"/>
                    </a:cubicBezTo>
                    <a:lnTo>
                      <a:pt x="804118" y="50287"/>
                    </a:lnTo>
                    <a:cubicBezTo>
                      <a:pt x="804118" y="22504"/>
                      <a:pt x="781615" y="0"/>
                      <a:pt x="753831" y="0"/>
                    </a:cubicBezTo>
                    <a:lnTo>
                      <a:pt x="552682" y="0"/>
                    </a:lnTo>
                    <a:cubicBezTo>
                      <a:pt x="524898" y="0"/>
                      <a:pt x="502395" y="22504"/>
                      <a:pt x="502395" y="50287"/>
                    </a:cubicBezTo>
                    <a:lnTo>
                      <a:pt x="502395" y="120187"/>
                    </a:lnTo>
                    <a:cubicBezTo>
                      <a:pt x="502646" y="138768"/>
                      <a:pt x="495430" y="156695"/>
                      <a:pt x="482355" y="169896"/>
                    </a:cubicBezTo>
                    <a:cubicBezTo>
                      <a:pt x="455401" y="197151"/>
                      <a:pt x="411476" y="197403"/>
                      <a:pt x="384220" y="170474"/>
                    </a:cubicBezTo>
                    <a:lnTo>
                      <a:pt x="338986" y="125240"/>
                    </a:lnTo>
                    <a:lnTo>
                      <a:pt x="333933" y="120187"/>
                    </a:lnTo>
                    <a:cubicBezTo>
                      <a:pt x="333933" y="120187"/>
                      <a:pt x="333731" y="119985"/>
                      <a:pt x="333631" y="119885"/>
                    </a:cubicBezTo>
                    <a:cubicBezTo>
                      <a:pt x="313918" y="100323"/>
                      <a:pt x="282061" y="100449"/>
                      <a:pt x="262525" y="120187"/>
                    </a:cubicBezTo>
                    <a:lnTo>
                      <a:pt x="122726" y="263002"/>
                    </a:lnTo>
                    <a:cubicBezTo>
                      <a:pt x="122726" y="263002"/>
                      <a:pt x="122525" y="263204"/>
                      <a:pt x="122424" y="263304"/>
                    </a:cubicBezTo>
                    <a:cubicBezTo>
                      <a:pt x="113146" y="272658"/>
                      <a:pt x="108344" y="284752"/>
                      <a:pt x="107916" y="296971"/>
                    </a:cubicBezTo>
                    <a:cubicBezTo>
                      <a:pt x="107439" y="310499"/>
                      <a:pt x="112342" y="324152"/>
                      <a:pt x="122701" y="334410"/>
                    </a:cubicBezTo>
                    <a:lnTo>
                      <a:pt x="172988" y="384698"/>
                    </a:lnTo>
                    <a:cubicBezTo>
                      <a:pt x="186063" y="397923"/>
                      <a:pt x="193279" y="415825"/>
                      <a:pt x="193028" y="434407"/>
                    </a:cubicBezTo>
                    <a:cubicBezTo>
                      <a:pt x="192525" y="472725"/>
                      <a:pt x="161020" y="503376"/>
                      <a:pt x="122701" y="502873"/>
                    </a:cubicBezTo>
                    <a:lnTo>
                      <a:pt x="50287" y="502873"/>
                    </a:lnTo>
                    <a:cubicBezTo>
                      <a:pt x="22504" y="502873"/>
                      <a:pt x="0" y="525376"/>
                      <a:pt x="0" y="553160"/>
                    </a:cubicBezTo>
                    <a:lnTo>
                      <a:pt x="0" y="754812"/>
                    </a:lnTo>
                    <a:cubicBezTo>
                      <a:pt x="0" y="782596"/>
                      <a:pt x="22504" y="805099"/>
                      <a:pt x="50287" y="805099"/>
                    </a:cubicBezTo>
                    <a:lnTo>
                      <a:pt x="120187" y="805099"/>
                    </a:lnTo>
                    <a:cubicBezTo>
                      <a:pt x="138768" y="804848"/>
                      <a:pt x="156695" y="812064"/>
                      <a:pt x="169896" y="825139"/>
                    </a:cubicBezTo>
                    <a:cubicBezTo>
                      <a:pt x="197151" y="852093"/>
                      <a:pt x="197403" y="896019"/>
                      <a:pt x="170474" y="923274"/>
                    </a:cubicBezTo>
                    <a:lnTo>
                      <a:pt x="120187" y="973562"/>
                    </a:lnTo>
                    <a:cubicBezTo>
                      <a:pt x="120187" y="973562"/>
                      <a:pt x="119985" y="973763"/>
                      <a:pt x="119885" y="973863"/>
                    </a:cubicBezTo>
                    <a:cubicBezTo>
                      <a:pt x="100323" y="993576"/>
                      <a:pt x="100449" y="1025433"/>
                      <a:pt x="120187" y="1044970"/>
                    </a:cubicBezTo>
                    <a:lnTo>
                      <a:pt x="263002" y="1184768"/>
                    </a:lnTo>
                    <a:cubicBezTo>
                      <a:pt x="263002" y="1184768"/>
                      <a:pt x="263204" y="1184969"/>
                      <a:pt x="263304" y="1185070"/>
                    </a:cubicBezTo>
                    <a:cubicBezTo>
                      <a:pt x="283017" y="1204632"/>
                      <a:pt x="314874" y="1204506"/>
                      <a:pt x="334410" y="1184768"/>
                    </a:cubicBezTo>
                    <a:lnTo>
                      <a:pt x="384698" y="1134481"/>
                    </a:lnTo>
                    <a:cubicBezTo>
                      <a:pt x="397923" y="1121406"/>
                      <a:pt x="415825" y="1114190"/>
                      <a:pt x="434407" y="1114441"/>
                    </a:cubicBezTo>
                    <a:cubicBezTo>
                      <a:pt x="472725" y="1114944"/>
                      <a:pt x="503376" y="1146449"/>
                      <a:pt x="502873" y="1184768"/>
                    </a:cubicBezTo>
                    <a:lnTo>
                      <a:pt x="502873" y="1257182"/>
                    </a:lnTo>
                    <a:cubicBezTo>
                      <a:pt x="502873" y="1284965"/>
                      <a:pt x="525376" y="1307469"/>
                      <a:pt x="553160" y="1307469"/>
                    </a:cubicBezTo>
                    <a:lnTo>
                      <a:pt x="754309" y="1307469"/>
                    </a:lnTo>
                    <a:cubicBezTo>
                      <a:pt x="781288" y="1306388"/>
                      <a:pt x="802610" y="1284186"/>
                      <a:pt x="802585" y="1257182"/>
                    </a:cubicBezTo>
                    <a:lnTo>
                      <a:pt x="802585" y="1188791"/>
                    </a:lnTo>
                    <a:cubicBezTo>
                      <a:pt x="802333" y="1170210"/>
                      <a:pt x="809550" y="1152283"/>
                      <a:pt x="822624" y="1139082"/>
                    </a:cubicBezTo>
                    <a:cubicBezTo>
                      <a:pt x="849578" y="1111826"/>
                      <a:pt x="893504" y="1111575"/>
                      <a:pt x="920760" y="1138504"/>
                    </a:cubicBezTo>
                    <a:lnTo>
                      <a:pt x="971047" y="1188791"/>
                    </a:lnTo>
                    <a:cubicBezTo>
                      <a:pt x="971047" y="1188791"/>
                      <a:pt x="971248" y="1188992"/>
                      <a:pt x="971349" y="1189093"/>
                    </a:cubicBezTo>
                    <a:cubicBezTo>
                      <a:pt x="991061" y="1208655"/>
                      <a:pt x="1022918" y="1208529"/>
                      <a:pt x="1042455" y="1188791"/>
                    </a:cubicBezTo>
                    <a:lnTo>
                      <a:pt x="1184768" y="1046478"/>
                    </a:lnTo>
                    <a:cubicBezTo>
                      <a:pt x="1184768" y="1046478"/>
                      <a:pt x="1184969" y="1046277"/>
                      <a:pt x="1185070" y="1046176"/>
                    </a:cubicBezTo>
                    <a:cubicBezTo>
                      <a:pt x="1204631" y="1026464"/>
                      <a:pt x="1204506" y="994607"/>
                      <a:pt x="1184768" y="975070"/>
                    </a:cubicBezTo>
                    <a:lnTo>
                      <a:pt x="1134481" y="924783"/>
                    </a:lnTo>
                    <a:cubicBezTo>
                      <a:pt x="1121406" y="911557"/>
                      <a:pt x="1114190" y="893655"/>
                      <a:pt x="1114441" y="875074"/>
                    </a:cubicBezTo>
                    <a:cubicBezTo>
                      <a:pt x="1114944" y="836755"/>
                      <a:pt x="1146449" y="806105"/>
                      <a:pt x="1184768" y="806608"/>
                    </a:cubicBezTo>
                    <a:lnTo>
                      <a:pt x="1257182" y="806608"/>
                    </a:lnTo>
                    <a:cubicBezTo>
                      <a:pt x="1284965" y="806608"/>
                      <a:pt x="1307469" y="784104"/>
                      <a:pt x="1307469" y="756321"/>
                    </a:cubicBezTo>
                    <a:lnTo>
                      <a:pt x="1307469" y="555171"/>
                    </a:lnTo>
                    <a:cubicBezTo>
                      <a:pt x="1307469" y="550520"/>
                      <a:pt x="1306790" y="546044"/>
                      <a:pt x="1305608" y="541770"/>
                    </a:cubicBezTo>
                    <a:close/>
                    <a:moveTo>
                      <a:pt x="653760" y="905171"/>
                    </a:moveTo>
                    <a:cubicBezTo>
                      <a:pt x="514891" y="905171"/>
                      <a:pt x="402323" y="792603"/>
                      <a:pt x="402323" y="653735"/>
                    </a:cubicBezTo>
                    <a:cubicBezTo>
                      <a:pt x="402323" y="514866"/>
                      <a:pt x="514891" y="402298"/>
                      <a:pt x="653760" y="402298"/>
                    </a:cubicBezTo>
                    <a:cubicBezTo>
                      <a:pt x="792628" y="402298"/>
                      <a:pt x="905196" y="514866"/>
                      <a:pt x="905196" y="653735"/>
                    </a:cubicBezTo>
                    <a:cubicBezTo>
                      <a:pt x="905196" y="792603"/>
                      <a:pt x="792628" y="905171"/>
                      <a:pt x="653760" y="905171"/>
                    </a:cubicBezTo>
                    <a:close/>
                  </a:path>
                </a:pathLst>
              </a:custGeom>
              <a:solidFill>
                <a:srgbClr val="2196F3"/>
              </a:solidFill>
              <a:ln cap="flat" w="2505">
                <a:noFill/>
                <a:prstDash val="solid"/>
                <a:miter/>
              </a:ln>
            </p:spPr>
            <p:txBody>
              <a:bodyPr anchor="ctr" rtlCol="0"/>
              <a:lstStyle/>
              <a:p>
                <a:endParaRPr lang="es-ES"/>
              </a:p>
            </p:txBody>
          </p:sp>
        </p:grpSp>
      </p:grpSp>
      <p:sp>
        <p:nvSpPr>
          <p:cNvPr id="19" name="userbox">
            <a:extLst>
              <a:ext uri="{FF2B5EF4-FFF2-40B4-BE49-F238E27FC236}">
                <a16:creationId xmlns:a16="http://schemas.microsoft.com/office/drawing/2014/main" id="{B9CE9245-C0A1-ECD9-5341-BB08CCD9C6A6}"/>
              </a:ext>
            </a:extLst>
          </p:cNvPr>
          <p:cNvSpPr/>
          <p:nvPr/>
        </p:nvSpPr>
        <p:spPr>
          <a:xfrm>
            <a:off x="-3197250" y="3806459"/>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5ddd5ceb56e522455f8b35d641f33f04">
            <a:pPr algn="ctr"/>
            <a:r>
              <a:rPr lang="es-ES" sz="2400"/>
              <a:t>Rôles d'utilisateur</a:t>
            </a:r>
            <a:endParaRPr dirty="0" lang="en-NO" sz="2400"/>
          </a:p>
        </p:txBody>
      </p:sp>
      <p:grpSp>
        <p:nvGrpSpPr>
          <p:cNvPr id="20" name="!!sharing">
            <a:extLst>
              <a:ext uri="{FF2B5EF4-FFF2-40B4-BE49-F238E27FC236}">
                <a16:creationId xmlns:a16="http://schemas.microsoft.com/office/drawing/2014/main" id="{8DFCE337-1616-E428-17AD-87160275BBA1}"/>
              </a:ext>
            </a:extLst>
          </p:cNvPr>
          <p:cNvGrpSpPr/>
          <p:nvPr/>
        </p:nvGrpSpPr>
        <p:grpSpPr>
          <a:xfrm>
            <a:off x="-3217287" y="1424856"/>
            <a:ext cx="1862941" cy="2004144"/>
            <a:chOff x="1333500" y="1969731"/>
            <a:chExt cx="1862941" cy="2004144"/>
          </a:xfrm>
        </p:grpSpPr>
        <p:sp>
          <p:nvSpPr>
            <p:cNvPr id="21" name="Freeform 22">
              <a:extLst>
                <a:ext uri="{FF2B5EF4-FFF2-40B4-BE49-F238E27FC236}">
                  <a16:creationId xmlns:a16="http://schemas.microsoft.com/office/drawing/2014/main" id="{4380F0B7-392D-C65A-3B69-A6F3E84E4AD1}"/>
                </a:ext>
              </a:extLst>
            </p:cNvPr>
            <p:cNvSpPr/>
            <p:nvPr/>
          </p:nvSpPr>
          <p:spPr>
            <a:xfrm>
              <a:off x="1333500" y="2592819"/>
              <a:ext cx="721634" cy="721634"/>
            </a:xfrm>
            <a:custGeom>
              <a:avLst/>
              <a:gdLst>
                <a:gd fmla="*/ 484421 w 968841" name="connsiteX0"/>
                <a:gd fmla="*/ 0 h 968841" name="connsiteY0"/>
                <a:gd fmla="*/ 0 w 968841" name="connsiteX1"/>
                <a:gd fmla="*/ 484421 h 968841" name="connsiteY1"/>
                <a:gd fmla="*/ 484421 w 968841" name="connsiteX2"/>
                <a:gd fmla="*/ 968842 h 968841" name="connsiteY2"/>
                <a:gd fmla="*/ 968842 w 968841" name="connsiteX3"/>
                <a:gd fmla="*/ 484421 h 968841" name="connsiteY3"/>
                <a:gd fmla="*/ 484421 w 968841" name="connsiteX4"/>
                <a:gd fmla="*/ 0 h 968841" name="connsiteY4"/>
                <a:gd fmla="*/ 484421 w 968841" name="connsiteX5"/>
                <a:gd fmla="*/ 187568 h 968841" name="connsiteY5"/>
                <a:gd fmla="*/ 620834 w 968841" name="connsiteX6"/>
                <a:gd fmla="*/ 323206 h 968841" name="connsiteY6"/>
                <a:gd fmla="*/ 485196 w 968841" name="connsiteX7"/>
                <a:gd fmla="*/ 459619 h 968841" name="connsiteY7"/>
                <a:gd fmla="*/ 348783 w 968841" name="connsiteX8"/>
                <a:gd fmla="*/ 323981 h 968841" name="connsiteY8"/>
                <a:gd fmla="*/ 348783 w 968841" name="connsiteX9"/>
                <a:gd fmla="*/ 323593 h 968841" name="connsiteY9"/>
                <a:gd fmla="*/ 484421 w 968841" name="connsiteX10"/>
                <a:gd fmla="*/ 187568 h 968841" name="connsiteY10"/>
                <a:gd fmla="*/ 755697 w 968841" name="connsiteX11"/>
                <a:gd fmla="*/ 732832 h 968841" name="connsiteY11"/>
                <a:gd fmla="*/ 213145 w 968841" name="connsiteX12"/>
                <a:gd fmla="*/ 732832 h 968841" name="connsiteY12"/>
                <a:gd fmla="*/ 213145 w 968841" name="connsiteX13"/>
                <a:gd fmla="*/ 628197 h 968841" name="connsiteY13"/>
                <a:gd fmla="*/ 240273 w 968841" name="connsiteX14"/>
                <a:gd fmla="*/ 573942 h 968841" name="connsiteY14"/>
                <a:gd fmla="*/ 372423 w 968841" name="connsiteX15"/>
                <a:gd fmla="*/ 511936 h 968841" name="connsiteY15"/>
                <a:gd fmla="*/ 484421 w 968841" name="connsiteX16"/>
                <a:gd fmla="*/ 495272 h 968841" name="connsiteY16"/>
                <a:gd fmla="*/ 596419 w 968841" name="connsiteX17"/>
                <a:gd fmla="*/ 511936 h 968841" name="connsiteY17"/>
                <a:gd fmla="*/ 728957 w 968841" name="connsiteX18"/>
                <a:gd fmla="*/ 576655 h 968841" name="connsiteY18"/>
                <a:gd fmla="*/ 756084 w 968841" name="connsiteX19"/>
                <a:gd fmla="*/ 630910 h 968841" name="connsiteY1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Lst>
              <a:rect b="b" l="l" r="r" t="t"/>
              <a:pathLst>
                <a:path h="968841" w="968841">
                  <a:moveTo>
                    <a:pt x="484421" y="0"/>
                  </a:moveTo>
                  <a:cubicBezTo>
                    <a:pt x="216881" y="0"/>
                    <a:pt x="0" y="216881"/>
                    <a:pt x="0" y="484421"/>
                  </a:cubicBezTo>
                  <a:cubicBezTo>
                    <a:pt x="0" y="751961"/>
                    <a:pt x="216881" y="968842"/>
                    <a:pt x="484421" y="968842"/>
                  </a:cubicBezTo>
                  <a:cubicBezTo>
                    <a:pt x="751961" y="968842"/>
                    <a:pt x="968842" y="751961"/>
                    <a:pt x="968842" y="484421"/>
                  </a:cubicBezTo>
                  <a:cubicBezTo>
                    <a:pt x="968842" y="216881"/>
                    <a:pt x="751961" y="0"/>
                    <a:pt x="484421" y="0"/>
                  </a:cubicBezTo>
                  <a:close/>
                  <a:moveTo>
                    <a:pt x="484421" y="187568"/>
                  </a:moveTo>
                  <a:cubicBezTo>
                    <a:pt x="559545" y="187355"/>
                    <a:pt x="620621" y="248082"/>
                    <a:pt x="620834" y="323206"/>
                  </a:cubicBezTo>
                  <a:cubicBezTo>
                    <a:pt x="621047" y="398330"/>
                    <a:pt x="560320" y="459402"/>
                    <a:pt x="485196" y="459619"/>
                  </a:cubicBezTo>
                  <a:cubicBezTo>
                    <a:pt x="410072" y="459832"/>
                    <a:pt x="348996" y="399105"/>
                    <a:pt x="348783" y="323981"/>
                  </a:cubicBezTo>
                  <a:cubicBezTo>
                    <a:pt x="348783" y="323853"/>
                    <a:pt x="348783" y="323721"/>
                    <a:pt x="348783" y="323593"/>
                  </a:cubicBezTo>
                  <a:cubicBezTo>
                    <a:pt x="348783" y="248620"/>
                    <a:pt x="409448" y="187781"/>
                    <a:pt x="484421" y="187568"/>
                  </a:cubicBezTo>
                  <a:close/>
                  <a:moveTo>
                    <a:pt x="755697" y="732832"/>
                  </a:moveTo>
                  <a:lnTo>
                    <a:pt x="213145" y="732832"/>
                  </a:lnTo>
                  <a:lnTo>
                    <a:pt x="213145" y="628197"/>
                  </a:lnTo>
                  <a:cubicBezTo>
                    <a:pt x="213661" y="606976"/>
                    <a:pt x="223605" y="587087"/>
                    <a:pt x="240273" y="573942"/>
                  </a:cubicBezTo>
                  <a:cubicBezTo>
                    <a:pt x="280557" y="546051"/>
                    <a:pt x="325225" y="525093"/>
                    <a:pt x="372423" y="511936"/>
                  </a:cubicBezTo>
                  <a:cubicBezTo>
                    <a:pt x="408859" y="501476"/>
                    <a:pt x="446516" y="495873"/>
                    <a:pt x="484421" y="495272"/>
                  </a:cubicBezTo>
                  <a:cubicBezTo>
                    <a:pt x="522365" y="495384"/>
                    <a:pt x="560088" y="501000"/>
                    <a:pt x="596419" y="511936"/>
                  </a:cubicBezTo>
                  <a:cubicBezTo>
                    <a:pt x="644485" y="524419"/>
                    <a:pt x="689556" y="546427"/>
                    <a:pt x="728957" y="576655"/>
                  </a:cubicBezTo>
                  <a:cubicBezTo>
                    <a:pt x="745625" y="589800"/>
                    <a:pt x="755569" y="609688"/>
                    <a:pt x="756084" y="630910"/>
                  </a:cubicBezTo>
                  <a:close/>
                </a:path>
              </a:pathLst>
            </a:custGeom>
            <a:solidFill>
              <a:schemeClr val="tx2"/>
            </a:solidFill>
            <a:ln cap="flat" w="38695">
              <a:solidFill>
                <a:schemeClr val="tx2"/>
              </a:solidFill>
              <a:prstDash val="solid"/>
              <a:miter/>
            </a:ln>
          </p:spPr>
          <p:txBody>
            <a:bodyPr anchor="ctr" rtlCol="0"/>
            <a:lstStyle/>
            <a:p>
              <a:endParaRPr dirty="0" lang="en-NO"/>
            </a:p>
          </p:txBody>
        </p:sp>
        <p:grpSp>
          <p:nvGrpSpPr>
            <p:cNvPr id="22" name="Group 21">
              <a:extLst>
                <a:ext uri="{FF2B5EF4-FFF2-40B4-BE49-F238E27FC236}">
                  <a16:creationId xmlns:a16="http://schemas.microsoft.com/office/drawing/2014/main" id="{9495A0C6-31AA-5529-729D-422F0A38627F}"/>
                </a:ext>
              </a:extLst>
            </p:cNvPr>
            <p:cNvGrpSpPr/>
            <p:nvPr/>
          </p:nvGrpSpPr>
          <p:grpSpPr>
            <a:xfrm>
              <a:off x="1746057" y="1969731"/>
              <a:ext cx="923284" cy="861233"/>
              <a:chOff x="2866244" y="2493706"/>
              <a:chExt cx="1072382" cy="1000311"/>
            </a:xfrm>
          </p:grpSpPr>
          <p:sp>
            <p:nvSpPr>
              <p:cNvPr id="30" name="Freeform 23">
                <a:extLst>
                  <a:ext uri="{FF2B5EF4-FFF2-40B4-BE49-F238E27FC236}">
                    <a16:creationId xmlns:a16="http://schemas.microsoft.com/office/drawing/2014/main" id="{CCBE3A59-6290-CF2A-5DBC-723E39C778C3}"/>
                  </a:ext>
                </a:extLst>
              </p:cNvPr>
              <p:cNvSpPr/>
              <p:nvPr/>
            </p:nvSpPr>
            <p:spPr>
              <a:xfrm rot="20543381">
                <a:off x="2866244" y="2954314"/>
                <a:ext cx="754784" cy="539703"/>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31" name="Freeform 24">
                <a:extLst>
                  <a:ext uri="{FF2B5EF4-FFF2-40B4-BE49-F238E27FC236}">
                    <a16:creationId xmlns:a16="http://schemas.microsoft.com/office/drawing/2014/main" id="{D10859DA-893A-3198-6E4D-62130AE739AE}"/>
                  </a:ext>
                </a:extLst>
              </p:cNvPr>
              <p:cNvSpPr/>
              <p:nvPr/>
            </p:nvSpPr>
            <p:spPr>
              <a:xfrm>
                <a:off x="3335144" y="2493706"/>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6"/>
                      <a:pt x="156155" y="0"/>
                      <a:pt x="348783" y="0"/>
                    </a:cubicBezTo>
                    <a:cubicBezTo>
                      <a:pt x="541411" y="0"/>
                      <a:pt x="697566" y="156156"/>
                      <a:pt x="697566" y="348783"/>
                    </a:cubicBezTo>
                    <a:close/>
                  </a:path>
                </a:pathLst>
              </a:custGeom>
              <a:solidFill>
                <a:schemeClr val="tx2"/>
              </a:solidFill>
              <a:ln cap="flat" w="38695">
                <a:solidFill>
                  <a:schemeClr val="tx2"/>
                </a:solidFill>
                <a:prstDash val="solid"/>
                <a:miter/>
              </a:ln>
            </p:spPr>
            <p:txBody>
              <a:bodyPr anchor="ctr" rtlCol="0"/>
              <a:lstStyle/>
              <a:p>
                <a:endParaRPr dirty="0" lang="en-NO"/>
              </a:p>
            </p:txBody>
          </p:sp>
        </p:grpSp>
        <p:grpSp>
          <p:nvGrpSpPr>
            <p:cNvPr id="23" name="Group 22">
              <a:extLst>
                <a:ext uri="{FF2B5EF4-FFF2-40B4-BE49-F238E27FC236}">
                  <a16:creationId xmlns:a16="http://schemas.microsoft.com/office/drawing/2014/main" id="{E8750E5D-238B-F08D-77BE-D01959CB85E9}"/>
                </a:ext>
              </a:extLst>
            </p:cNvPr>
            <p:cNvGrpSpPr/>
            <p:nvPr/>
          </p:nvGrpSpPr>
          <p:grpSpPr>
            <a:xfrm>
              <a:off x="1784364" y="3136309"/>
              <a:ext cx="846670" cy="837566"/>
              <a:chOff x="3040063" y="3848672"/>
              <a:chExt cx="983396" cy="972822"/>
            </a:xfrm>
          </p:grpSpPr>
          <p:sp>
            <p:nvSpPr>
              <p:cNvPr id="28" name="Freeform 28">
                <a:extLst>
                  <a:ext uri="{FF2B5EF4-FFF2-40B4-BE49-F238E27FC236}">
                    <a16:creationId xmlns:a16="http://schemas.microsoft.com/office/drawing/2014/main" id="{3644646B-4442-40D9-A188-9267C0144653}"/>
                  </a:ext>
                </a:extLst>
              </p:cNvPr>
              <p:cNvSpPr/>
              <p:nvPr/>
            </p:nvSpPr>
            <p:spPr>
              <a:xfrm>
                <a:off x="3419977" y="4218012"/>
                <a:ext cx="603482" cy="603482"/>
              </a:xfrm>
              <a:custGeom>
                <a:avLst/>
                <a:gdLst>
                  <a:gd fmla="*/ 697566 w 697566" name="connsiteX0"/>
                  <a:gd fmla="*/ 348783 h 697566" name="connsiteY0"/>
                  <a:gd fmla="*/ 348783 w 697566" name="connsiteX1"/>
                  <a:gd fmla="*/ 697566 h 697566" name="connsiteY1"/>
                  <a:gd fmla="*/ 0 w 697566" name="connsiteX2"/>
                  <a:gd fmla="*/ 348783 h 697566" name="connsiteY2"/>
                  <a:gd fmla="*/ 348783 w 697566" name="connsiteX3"/>
                  <a:gd fmla="*/ 0 h 697566" name="connsiteY3"/>
                  <a:gd fmla="*/ 697566 w 697566" name="connsiteX4"/>
                  <a:gd fmla="*/ 348783 h 69756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697566" w="697566">
                    <a:moveTo>
                      <a:pt x="697566" y="348783"/>
                    </a:moveTo>
                    <a:cubicBezTo>
                      <a:pt x="697566" y="541411"/>
                      <a:pt x="541411" y="697566"/>
                      <a:pt x="348783" y="697566"/>
                    </a:cubicBezTo>
                    <a:cubicBezTo>
                      <a:pt x="156155" y="697566"/>
                      <a:pt x="0" y="541411"/>
                      <a:pt x="0" y="348783"/>
                    </a:cubicBezTo>
                    <a:cubicBezTo>
                      <a:pt x="0" y="156155"/>
                      <a:pt x="156155" y="0"/>
                      <a:pt x="348783" y="0"/>
                    </a:cubicBezTo>
                    <a:cubicBezTo>
                      <a:pt x="541411" y="0"/>
                      <a:pt x="697566" y="156155"/>
                      <a:pt x="697566" y="348783"/>
                    </a:cubicBezTo>
                    <a:close/>
                  </a:path>
                </a:pathLst>
              </a:custGeom>
              <a:solidFill>
                <a:schemeClr val="tx2"/>
              </a:solidFill>
              <a:ln cap="flat" w="38695">
                <a:solidFill>
                  <a:schemeClr val="tx2"/>
                </a:solidFill>
                <a:prstDash val="solid"/>
                <a:miter/>
              </a:ln>
            </p:spPr>
            <p:txBody>
              <a:bodyPr anchor="ctr" rtlCol="0"/>
              <a:lstStyle/>
              <a:p>
                <a:endParaRPr lang="en-NO"/>
              </a:p>
            </p:txBody>
          </p:sp>
          <p:sp>
            <p:nvSpPr>
              <p:cNvPr id="29" name="Freeform 29">
                <a:extLst>
                  <a:ext uri="{FF2B5EF4-FFF2-40B4-BE49-F238E27FC236}">
                    <a16:creationId xmlns:a16="http://schemas.microsoft.com/office/drawing/2014/main" id="{630C8236-FFE7-2735-D927-63B462339AB2}"/>
                  </a:ext>
                </a:extLst>
              </p:cNvPr>
              <p:cNvSpPr/>
              <p:nvPr/>
            </p:nvSpPr>
            <p:spPr>
              <a:xfrm rot="4212652">
                <a:off x="2932522" y="3956213"/>
                <a:ext cx="754783" cy="539702"/>
              </a:xfrm>
              <a:custGeom>
                <a:avLst/>
                <a:gdLst>
                  <a:gd fmla="*/ 474345 w 552239" name="connsiteX0"/>
                  <a:gd fmla="*/ 0 h 427065" name="connsiteY0"/>
                  <a:gd fmla="*/ 0 w 552239" name="connsiteX1"/>
                  <a:gd fmla="*/ 284452 h 427065" name="connsiteY1"/>
                  <a:gd fmla="*/ 63556 w 552239" name="connsiteX2"/>
                  <a:gd fmla="*/ 427066 h 427065" name="connsiteY2"/>
                  <a:gd fmla="*/ 552240 w 552239" name="connsiteX3"/>
                  <a:gd fmla="*/ 134863 h 427065" name="connsiteY3"/>
                  <a:gd fmla="*/ 474345 w 552239" name="connsiteX4"/>
                  <a:gd fmla="*/ 0 h 427065"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27065" w="552239">
                    <a:moveTo>
                      <a:pt x="474345" y="0"/>
                    </a:moveTo>
                    <a:lnTo>
                      <a:pt x="0" y="284452"/>
                    </a:lnTo>
                    <a:cubicBezTo>
                      <a:pt x="26717" y="329325"/>
                      <a:pt x="48051" y="377193"/>
                      <a:pt x="63556" y="427066"/>
                    </a:cubicBezTo>
                    <a:lnTo>
                      <a:pt x="552240" y="134863"/>
                    </a:lnTo>
                    <a:cubicBezTo>
                      <a:pt x="519547" y="94144"/>
                      <a:pt x="493280" y="48663"/>
                      <a:pt x="474345" y="0"/>
                    </a:cubicBezTo>
                    <a:close/>
                  </a:path>
                </a:pathLst>
              </a:custGeom>
              <a:solidFill>
                <a:schemeClr val="tx2"/>
              </a:solidFill>
              <a:ln cap="flat" w="38695">
                <a:solidFill>
                  <a:schemeClr val="tx2"/>
                </a:solidFill>
                <a:prstDash val="solid"/>
                <a:miter/>
              </a:ln>
            </p:spPr>
            <p:txBody>
              <a:bodyPr anchor="ctr" rtlCol="0"/>
              <a:lstStyle/>
              <a:p>
                <a:endParaRPr lang="en-NO"/>
              </a:p>
            </p:txBody>
          </p:sp>
        </p:grpSp>
        <p:sp>
          <p:nvSpPr>
            <p:cNvPr id="24" name="Freeform: Shape 23">
              <a:extLst>
                <a:ext uri="{FF2B5EF4-FFF2-40B4-BE49-F238E27FC236}">
                  <a16:creationId xmlns:a16="http://schemas.microsoft.com/office/drawing/2014/main" id="{C6E0E504-835B-2D67-360B-75F0A31BD761}"/>
                </a:ext>
              </a:extLst>
            </p:cNvPr>
            <p:cNvSpPr/>
            <p:nvPr/>
          </p:nvSpPr>
          <p:spPr>
            <a:xfrm>
              <a:off x="2572255" y="2747655"/>
              <a:ext cx="412060" cy="412060"/>
            </a:xfrm>
            <a:custGeom>
              <a:avLst/>
              <a:gdLst>
                <a:gd fmla="*/ 412060 w 412060" name="connsiteX0"/>
                <a:gd fmla="*/ 206030 h 412060" name="connsiteY0"/>
                <a:gd fmla="*/ 206030 w 412060" name="connsiteX1"/>
                <a:gd fmla="*/ 412060 h 412060" name="connsiteY1"/>
                <a:gd fmla="*/ 0 w 412060" name="connsiteX2"/>
                <a:gd fmla="*/ 206030 h 412060" name="connsiteY2"/>
                <a:gd fmla="*/ 206030 w 412060" name="connsiteX3"/>
                <a:gd fmla="*/ 0 h 412060" name="connsiteY3"/>
                <a:gd fmla="*/ 412060 w 412060" name="connsiteX4"/>
                <a:gd fmla="*/ 206030 h 412060"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412060" w="412060">
                  <a:moveTo>
                    <a:pt x="412060" y="206030"/>
                  </a:moveTo>
                  <a:cubicBezTo>
                    <a:pt x="412060" y="319817"/>
                    <a:pt x="319817" y="412060"/>
                    <a:pt x="206030" y="412060"/>
                  </a:cubicBezTo>
                  <a:cubicBezTo>
                    <a:pt x="92243" y="412060"/>
                    <a:pt x="0" y="319817"/>
                    <a:pt x="0" y="206030"/>
                  </a:cubicBezTo>
                  <a:cubicBezTo>
                    <a:pt x="0" y="92243"/>
                    <a:pt x="92243" y="0"/>
                    <a:pt x="206030" y="0"/>
                  </a:cubicBezTo>
                  <a:cubicBezTo>
                    <a:pt x="319817" y="0"/>
                    <a:pt x="412060" y="92243"/>
                    <a:pt x="412060" y="206030"/>
                  </a:cubicBezTo>
                  <a:close/>
                </a:path>
              </a:pathLst>
            </a:custGeom>
            <a:solidFill>
              <a:srgbClr val="FFFFFF"/>
            </a:solidFill>
            <a:ln cap="flat" w="1667">
              <a:noFill/>
              <a:prstDash val="solid"/>
              <a:miter/>
            </a:ln>
          </p:spPr>
          <p:txBody>
            <a:bodyPr anchor="ctr" rtlCol="0"/>
            <a:lstStyle/>
            <a:p>
              <a:endParaRPr lang="es-ES"/>
            </a:p>
          </p:txBody>
        </p:sp>
        <p:grpSp>
          <p:nvGrpSpPr>
            <p:cNvPr id="25" name="Graphic 24">
              <a:extLst>
                <a:ext uri="{FF2B5EF4-FFF2-40B4-BE49-F238E27FC236}">
                  <a16:creationId xmlns:a16="http://schemas.microsoft.com/office/drawing/2014/main" id="{176D03F4-3702-05EC-0049-6FE0F5C5AEBD}"/>
                </a:ext>
              </a:extLst>
            </p:cNvPr>
            <p:cNvGrpSpPr/>
            <p:nvPr/>
          </p:nvGrpSpPr>
          <p:grpSpPr>
            <a:xfrm>
              <a:off x="2323290" y="2517060"/>
              <a:ext cx="873151" cy="873151"/>
              <a:chOff x="2323290" y="2517060"/>
              <a:chExt cx="873151" cy="873151"/>
            </a:xfrm>
          </p:grpSpPr>
          <p:sp>
            <p:nvSpPr>
              <p:cNvPr id="26" name="Freeform: Shape 25">
                <a:extLst>
                  <a:ext uri="{FF2B5EF4-FFF2-40B4-BE49-F238E27FC236}">
                    <a16:creationId xmlns:a16="http://schemas.microsoft.com/office/drawing/2014/main" id="{7C588183-FC27-DBA6-20CC-164676111ED6}"/>
                  </a:ext>
                </a:extLst>
              </p:cNvPr>
              <p:cNvSpPr/>
              <p:nvPr/>
            </p:nvSpPr>
            <p:spPr>
              <a:xfrm rot="-1011000">
                <a:off x="2659138" y="2852840"/>
                <a:ext cx="201496" cy="201496"/>
              </a:xfrm>
              <a:custGeom>
                <a:avLst/>
                <a:gdLst>
                  <a:gd fmla="*/ 201496 w 201496" name="connsiteX0"/>
                  <a:gd fmla="*/ 100748 h 201496" name="connsiteY0"/>
                  <a:gd fmla="*/ 100748 w 201496" name="connsiteX1"/>
                  <a:gd fmla="*/ 201496 h 201496" name="connsiteY1"/>
                  <a:gd fmla="*/ 0 w 201496" name="connsiteX2"/>
                  <a:gd fmla="*/ 100748 h 201496" name="connsiteY2"/>
                  <a:gd fmla="*/ 100748 w 201496" name="connsiteX3"/>
                  <a:gd fmla="*/ 0 h 201496" name="connsiteY3"/>
                  <a:gd fmla="*/ 201496 w 201496" name="connsiteX4"/>
                  <a:gd fmla="*/ 100748 h 20149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201496" w="201496">
                    <a:moveTo>
                      <a:pt x="201496" y="100748"/>
                    </a:moveTo>
                    <a:cubicBezTo>
                      <a:pt x="201496" y="156390"/>
                      <a:pt x="156390" y="201496"/>
                      <a:pt x="100748" y="201496"/>
                    </a:cubicBezTo>
                    <a:cubicBezTo>
                      <a:pt x="45107" y="201496"/>
                      <a:pt x="0" y="156390"/>
                      <a:pt x="0" y="100748"/>
                    </a:cubicBezTo>
                    <a:cubicBezTo>
                      <a:pt x="0" y="45106"/>
                      <a:pt x="45107" y="0"/>
                      <a:pt x="100748" y="0"/>
                    </a:cubicBezTo>
                    <a:cubicBezTo>
                      <a:pt x="156390" y="0"/>
                      <a:pt x="201496" y="45106"/>
                      <a:pt x="201496" y="100748"/>
                    </a:cubicBezTo>
                    <a:close/>
                  </a:path>
                </a:pathLst>
              </a:custGeom>
              <a:solidFill>
                <a:schemeClr val="accent2"/>
              </a:solidFill>
              <a:ln cap="flat" w="1667">
                <a:noFill/>
                <a:prstDash val="solid"/>
                <a:miter/>
              </a:ln>
            </p:spPr>
            <p:txBody>
              <a:bodyPr anchor="ctr" rtlCol="0"/>
              <a:lstStyle/>
              <a:p>
                <a:endParaRPr lang="es-ES"/>
              </a:p>
            </p:txBody>
          </p:sp>
          <p:sp>
            <p:nvSpPr>
              <p:cNvPr id="27" name="Freeform: Shape 26">
                <a:extLst>
                  <a:ext uri="{FF2B5EF4-FFF2-40B4-BE49-F238E27FC236}">
                    <a16:creationId xmlns:a16="http://schemas.microsoft.com/office/drawing/2014/main" id="{44D425D6-BE52-FC38-9059-D14FBB242258}"/>
                  </a:ext>
                </a:extLst>
              </p:cNvPr>
              <p:cNvSpPr/>
              <p:nvPr/>
            </p:nvSpPr>
            <p:spPr>
              <a:xfrm>
                <a:off x="2323290" y="2517060"/>
                <a:ext cx="873151" cy="873151"/>
              </a:xfrm>
              <a:custGeom>
                <a:avLst/>
                <a:gdLst>
                  <a:gd fmla="*/ 871908 w 873151" name="connsiteX0"/>
                  <a:gd fmla="*/ 361804 h 873151" name="connsiteY0"/>
                  <a:gd fmla="*/ 870431 w 873151" name="connsiteX1"/>
                  <a:gd fmla="*/ 357522 h 873151" name="connsiteY1"/>
                  <a:gd fmla="*/ 839568 w 873151" name="connsiteX2"/>
                  <a:gd fmla="*/ 337171 h 873151" name="connsiteY2"/>
                  <a:gd fmla="*/ 792217 w 873151" name="connsiteX3"/>
                  <a:gd fmla="*/ 337171 h 873151" name="connsiteY3"/>
                  <a:gd fmla="*/ 759020 w 873151" name="connsiteX4"/>
                  <a:gd fmla="*/ 323788 h 873151" name="connsiteY4"/>
                  <a:gd fmla="*/ 758634 w 873151" name="connsiteX5"/>
                  <a:gd fmla="*/ 258251 h 873151" name="connsiteY5"/>
                  <a:gd fmla="*/ 792217 w 873151" name="connsiteX6"/>
                  <a:gd fmla="*/ 224668 h 873151" name="connsiteY6"/>
                  <a:gd fmla="*/ 792418 w 873151" name="connsiteX7"/>
                  <a:gd fmla="*/ 224467 h 873151" name="connsiteY7"/>
                  <a:gd fmla="*/ 795676 w 873151" name="connsiteX8"/>
                  <a:gd fmla="*/ 220588 h 873151" name="connsiteY8"/>
                  <a:gd fmla="*/ 792217 w 873151" name="connsiteX9"/>
                  <a:gd fmla="*/ 176981 h 873151" name="connsiteY9"/>
                  <a:gd fmla="*/ 697178 w 873151" name="connsiteX10"/>
                  <a:gd fmla="*/ 81942 h 873151" name="connsiteY10"/>
                  <a:gd fmla="*/ 696976 w 873151" name="connsiteX11"/>
                  <a:gd fmla="*/ 81740 h 873151" name="connsiteY11"/>
                  <a:gd fmla="*/ 649490 w 873151" name="connsiteX12"/>
                  <a:gd fmla="*/ 81942 h 873151" name="connsiteY12"/>
                  <a:gd fmla="*/ 639583 w 873151" name="connsiteX13"/>
                  <a:gd fmla="*/ 91849 h 873151" name="connsiteY13"/>
                  <a:gd fmla="*/ 615907 w 873151" name="connsiteX14"/>
                  <a:gd fmla="*/ 115525 h 873151" name="connsiteY14"/>
                  <a:gd fmla="*/ 582711 w 873151" name="connsiteX15"/>
                  <a:gd fmla="*/ 128907 h 873151" name="connsiteY15"/>
                  <a:gd fmla="*/ 536988 w 873151" name="connsiteX16"/>
                  <a:gd fmla="*/ 81942 h 873151" name="connsiteY16"/>
                  <a:gd fmla="*/ 536988 w 873151" name="connsiteX17"/>
                  <a:gd fmla="*/ 33583 h 873151" name="connsiteY17"/>
                  <a:gd fmla="*/ 503405 w 873151" name="connsiteX18"/>
                  <a:gd fmla="*/ 0 h 873151" name="connsiteY18"/>
                  <a:gd fmla="*/ 369074 w 873151" name="connsiteX19"/>
                  <a:gd fmla="*/ 0 h 873151" name="connsiteY19"/>
                  <a:gd fmla="*/ 335492 w 873151" name="connsiteX20"/>
                  <a:gd fmla="*/ 33583 h 873151" name="connsiteY20"/>
                  <a:gd fmla="*/ 335492 w 873151" name="connsiteX21"/>
                  <a:gd fmla="*/ 80263 h 873151" name="connsiteY21"/>
                  <a:gd fmla="*/ 322109 w 873151" name="connsiteX22"/>
                  <a:gd fmla="*/ 113459 h 873151" name="connsiteY22"/>
                  <a:gd fmla="*/ 256572 w 873151" name="connsiteX23"/>
                  <a:gd fmla="*/ 113845 h 873151" name="connsiteY23"/>
                  <a:gd fmla="*/ 226364 w 873151" name="connsiteX24"/>
                  <a:gd fmla="*/ 83638 h 873151" name="connsiteY24"/>
                  <a:gd fmla="*/ 222989 w 873151" name="connsiteX25"/>
                  <a:gd fmla="*/ 80263 h 873151" name="connsiteY25"/>
                  <a:gd fmla="*/ 222788 w 873151" name="connsiteX26"/>
                  <a:gd fmla="*/ 80061 h 873151" name="connsiteY26"/>
                  <a:gd fmla="*/ 175302 w 873151" name="connsiteX27"/>
                  <a:gd fmla="*/ 80263 h 873151" name="connsiteY27"/>
                  <a:gd fmla="*/ 81942 w 873151" name="connsiteX28"/>
                  <a:gd fmla="*/ 175638 h 873151" name="connsiteY28"/>
                  <a:gd fmla="*/ 81740 w 873151" name="connsiteX29"/>
                  <a:gd fmla="*/ 175839 h 873151" name="connsiteY29"/>
                  <a:gd fmla="*/ 72052 w 873151" name="connsiteX30"/>
                  <a:gd fmla="*/ 198323 h 873151" name="connsiteY30"/>
                  <a:gd fmla="*/ 81925 w 873151" name="connsiteX31"/>
                  <a:gd fmla="*/ 223325 h 873151" name="connsiteY31"/>
                  <a:gd fmla="*/ 115508 w 873151" name="connsiteX32"/>
                  <a:gd fmla="*/ 256908 h 873151" name="connsiteY32"/>
                  <a:gd fmla="*/ 128891 w 873151" name="connsiteX33"/>
                  <a:gd fmla="*/ 290104 h 873151" name="connsiteY33"/>
                  <a:gd fmla="*/ 81925 w 873151" name="connsiteX34"/>
                  <a:gd fmla="*/ 335827 h 873151" name="connsiteY34"/>
                  <a:gd fmla="*/ 33583 w 873151" name="connsiteX35"/>
                  <a:gd fmla="*/ 335827 h 873151" name="connsiteY35"/>
                  <a:gd fmla="*/ 0 w 873151" name="connsiteX36"/>
                  <a:gd fmla="*/ 369410 h 873151" name="connsiteY36"/>
                  <a:gd fmla="*/ 0 w 873151" name="connsiteX37"/>
                  <a:gd fmla="*/ 504077 h 873151" name="connsiteY37"/>
                  <a:gd fmla="*/ 33583 w 873151" name="connsiteX38"/>
                  <a:gd fmla="*/ 537660 h 873151" name="connsiteY38"/>
                  <a:gd fmla="*/ 80263 w 873151" name="connsiteX39"/>
                  <a:gd fmla="*/ 537660 h 873151" name="connsiteY39"/>
                  <a:gd fmla="*/ 113459 w 873151" name="connsiteX40"/>
                  <a:gd fmla="*/ 551042 h 873151" name="connsiteY40"/>
                  <a:gd fmla="*/ 113845 w 873151" name="connsiteX41"/>
                  <a:gd fmla="*/ 616579 h 873151" name="connsiteY41"/>
                  <a:gd fmla="*/ 80263 w 873151" name="connsiteX42"/>
                  <a:gd fmla="*/ 650162 h 873151" name="connsiteY42"/>
                  <a:gd fmla="*/ 80061 w 873151" name="connsiteX43"/>
                  <a:gd fmla="*/ 650363 h 873151" name="connsiteY43"/>
                  <a:gd fmla="*/ 80263 w 873151" name="connsiteX44"/>
                  <a:gd fmla="*/ 697849 h 873151" name="connsiteY44"/>
                  <a:gd fmla="*/ 175638 w 873151" name="connsiteX45"/>
                  <a:gd fmla="*/ 791209 h 873151" name="connsiteY45"/>
                  <a:gd fmla="*/ 175839 w 873151" name="connsiteX46"/>
                  <a:gd fmla="*/ 791411 h 873151" name="connsiteY46"/>
                  <a:gd fmla="*/ 223325 w 873151" name="connsiteX47"/>
                  <a:gd fmla="*/ 791209 h 873151" name="connsiteY47"/>
                  <a:gd fmla="*/ 256908 w 873151" name="connsiteX48"/>
                  <a:gd fmla="*/ 757626 h 873151" name="connsiteY48"/>
                  <a:gd fmla="*/ 290104 w 873151" name="connsiteX49"/>
                  <a:gd fmla="*/ 744244 h 873151" name="connsiteY49"/>
                  <a:gd fmla="*/ 335827 w 873151" name="connsiteX50"/>
                  <a:gd fmla="*/ 791209 h 873151" name="connsiteY50"/>
                  <a:gd fmla="*/ 335827 w 873151" name="connsiteX51"/>
                  <a:gd fmla="*/ 839568 h 873151" name="connsiteY51"/>
                  <a:gd fmla="*/ 369410 w 873151" name="connsiteX52"/>
                  <a:gd fmla="*/ 873151 h 873151" name="connsiteY52"/>
                  <a:gd fmla="*/ 503741 w 873151" name="connsiteX53"/>
                  <a:gd fmla="*/ 873151 h 873151" name="connsiteY53"/>
                  <a:gd fmla="*/ 535980 w 873151" name="connsiteX54"/>
                  <a:gd fmla="*/ 839568 h 873151" name="connsiteY54"/>
                  <a:gd fmla="*/ 535980 w 873151" name="connsiteX55"/>
                  <a:gd fmla="*/ 793896 h 873151" name="connsiteY55"/>
                  <a:gd fmla="*/ 549363 w 873151" name="connsiteX56"/>
                  <a:gd fmla="*/ 760699 h 873151" name="connsiteY56"/>
                  <a:gd fmla="*/ 614900 w 873151" name="connsiteX57"/>
                  <a:gd fmla="*/ 760313 h 873151" name="connsiteY57"/>
                  <a:gd fmla="*/ 648483 w 873151" name="connsiteX58"/>
                  <a:gd fmla="*/ 793896 h 873151" name="connsiteY58"/>
                  <a:gd fmla="*/ 648684 w 873151" name="connsiteX59"/>
                  <a:gd fmla="*/ 794097 h 873151" name="connsiteY59"/>
                  <a:gd fmla="*/ 696170 w 873151" name="connsiteX60"/>
                  <a:gd fmla="*/ 793896 h 873151" name="connsiteY60"/>
                  <a:gd fmla="*/ 791209 w 873151" name="connsiteX61"/>
                  <a:gd fmla="*/ 698857 h 873151" name="connsiteY61"/>
                  <a:gd fmla="*/ 791411 w 873151" name="connsiteX62"/>
                  <a:gd fmla="*/ 698655 h 873151" name="connsiteY62"/>
                  <a:gd fmla="*/ 791209 w 873151" name="connsiteX63"/>
                  <a:gd fmla="*/ 651169 h 873151" name="connsiteY63"/>
                  <a:gd fmla="*/ 757626 w 873151" name="connsiteX64"/>
                  <a:gd fmla="*/ 617586 h 873151" name="connsiteY64"/>
                  <a:gd fmla="*/ 744244 w 873151" name="connsiteX65"/>
                  <a:gd fmla="*/ 584390 h 873151" name="connsiteY65"/>
                  <a:gd fmla="*/ 791209 w 873151" name="connsiteX66"/>
                  <a:gd fmla="*/ 538667 h 873151" name="connsiteY66"/>
                  <a:gd fmla="*/ 839568 w 873151" name="connsiteX67"/>
                  <a:gd fmla="*/ 538667 h 873151" name="connsiteY67"/>
                  <a:gd fmla="*/ 873151 w 873151" name="connsiteX68"/>
                  <a:gd fmla="*/ 505084 h 873151" name="connsiteY68"/>
                  <a:gd fmla="*/ 873151 w 873151" name="connsiteX69"/>
                  <a:gd fmla="*/ 370753 h 873151" name="connsiteY69"/>
                  <a:gd fmla="*/ 871908 w 873151" name="connsiteX70"/>
                  <a:gd fmla="*/ 361804 h 873151" name="connsiteY70"/>
                  <a:gd fmla="*/ 436576 w 873151" name="connsiteX71"/>
                  <a:gd fmla="*/ 604489 h 873151" name="connsiteY71"/>
                  <a:gd fmla="*/ 268662 w 873151" name="connsiteX72"/>
                  <a:gd fmla="*/ 436576 h 873151" name="connsiteY72"/>
                  <a:gd fmla="*/ 436576 w 873151" name="connsiteX73"/>
                  <a:gd fmla="*/ 268662 h 873151" name="connsiteY73"/>
                  <a:gd fmla="*/ 604489 w 873151" name="connsiteX74"/>
                  <a:gd fmla="*/ 436576 h 873151" name="connsiteY74"/>
                  <a:gd fmla="*/ 436576 w 873151" name="connsiteX75"/>
                  <a:gd fmla="*/ 604489 h 873151"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73151" w="873151">
                    <a:moveTo>
                      <a:pt x="871908" y="361804"/>
                    </a:moveTo>
                    <a:cubicBezTo>
                      <a:pt x="871421" y="360376"/>
                      <a:pt x="870935" y="358949"/>
                      <a:pt x="870431" y="357522"/>
                    </a:cubicBezTo>
                    <a:cubicBezTo>
                      <a:pt x="865293" y="345566"/>
                      <a:pt x="853404" y="337171"/>
                      <a:pt x="839568" y="337171"/>
                    </a:cubicBezTo>
                    <a:lnTo>
                      <a:pt x="792217" y="337171"/>
                    </a:lnTo>
                    <a:cubicBezTo>
                      <a:pt x="779808" y="337339"/>
                      <a:pt x="767836" y="332519"/>
                      <a:pt x="759020" y="323788"/>
                    </a:cubicBezTo>
                    <a:cubicBezTo>
                      <a:pt x="740818" y="305788"/>
                      <a:pt x="740650" y="276453"/>
                      <a:pt x="758634" y="258251"/>
                    </a:cubicBezTo>
                    <a:lnTo>
                      <a:pt x="792217" y="224668"/>
                    </a:lnTo>
                    <a:cubicBezTo>
                      <a:pt x="792217" y="224668"/>
                      <a:pt x="792351" y="224534"/>
                      <a:pt x="792418" y="224467"/>
                    </a:cubicBezTo>
                    <a:cubicBezTo>
                      <a:pt x="793627" y="223241"/>
                      <a:pt x="794685" y="221931"/>
                      <a:pt x="795676" y="220588"/>
                    </a:cubicBezTo>
                    <a:cubicBezTo>
                      <a:pt x="805314" y="207407"/>
                      <a:pt x="804172" y="188819"/>
                      <a:pt x="792217" y="176981"/>
                    </a:cubicBezTo>
                    <a:lnTo>
                      <a:pt x="697178" y="81942"/>
                    </a:lnTo>
                    <a:cubicBezTo>
                      <a:pt x="697178" y="81942"/>
                      <a:pt x="697043" y="81808"/>
                      <a:pt x="696976" y="81740"/>
                    </a:cubicBezTo>
                    <a:cubicBezTo>
                      <a:pt x="683812" y="68677"/>
                      <a:pt x="662537" y="68761"/>
                      <a:pt x="649490" y="81942"/>
                    </a:cubicBezTo>
                    <a:lnTo>
                      <a:pt x="639583" y="91849"/>
                    </a:lnTo>
                    <a:lnTo>
                      <a:pt x="615907" y="115525"/>
                    </a:lnTo>
                    <a:cubicBezTo>
                      <a:pt x="607075" y="124256"/>
                      <a:pt x="595120" y="129075"/>
                      <a:pt x="582711" y="128907"/>
                    </a:cubicBezTo>
                    <a:cubicBezTo>
                      <a:pt x="557121" y="128571"/>
                      <a:pt x="536652" y="107532"/>
                      <a:pt x="536988" y="81942"/>
                    </a:cubicBezTo>
                    <a:lnTo>
                      <a:pt x="536988" y="33583"/>
                    </a:lnTo>
                    <a:cubicBezTo>
                      <a:pt x="536988" y="15028"/>
                      <a:pt x="521960" y="0"/>
                      <a:pt x="503405" y="0"/>
                    </a:cubicBezTo>
                    <a:lnTo>
                      <a:pt x="369074" y="0"/>
                    </a:lnTo>
                    <a:cubicBezTo>
                      <a:pt x="350520" y="0"/>
                      <a:pt x="335492" y="15028"/>
                      <a:pt x="335492" y="33583"/>
                    </a:cubicBezTo>
                    <a:lnTo>
                      <a:pt x="335492" y="80263"/>
                    </a:lnTo>
                    <a:cubicBezTo>
                      <a:pt x="335659" y="92672"/>
                      <a:pt x="330840" y="104644"/>
                      <a:pt x="322109" y="113459"/>
                    </a:cubicBezTo>
                    <a:cubicBezTo>
                      <a:pt x="304108" y="131661"/>
                      <a:pt x="274774" y="131829"/>
                      <a:pt x="256572" y="113845"/>
                    </a:cubicBezTo>
                    <a:lnTo>
                      <a:pt x="226364" y="83638"/>
                    </a:lnTo>
                    <a:lnTo>
                      <a:pt x="222989" y="80263"/>
                    </a:lnTo>
                    <a:cubicBezTo>
                      <a:pt x="222989" y="80263"/>
                      <a:pt x="222855" y="80128"/>
                      <a:pt x="222788" y="80061"/>
                    </a:cubicBezTo>
                    <a:cubicBezTo>
                      <a:pt x="209623" y="66998"/>
                      <a:pt x="188349" y="67082"/>
                      <a:pt x="175302" y="80263"/>
                    </a:cubicBezTo>
                    <a:lnTo>
                      <a:pt x="81942" y="175638"/>
                    </a:lnTo>
                    <a:cubicBezTo>
                      <a:pt x="81942" y="175638"/>
                      <a:pt x="81808" y="175772"/>
                      <a:pt x="81740" y="175839"/>
                    </a:cubicBezTo>
                    <a:cubicBezTo>
                      <a:pt x="75544" y="182086"/>
                      <a:pt x="72337" y="190162"/>
                      <a:pt x="72052" y="198323"/>
                    </a:cubicBezTo>
                    <a:cubicBezTo>
                      <a:pt x="71733" y="207357"/>
                      <a:pt x="75007" y="216474"/>
                      <a:pt x="81925" y="223325"/>
                    </a:cubicBezTo>
                    <a:lnTo>
                      <a:pt x="115508" y="256908"/>
                    </a:lnTo>
                    <a:cubicBezTo>
                      <a:pt x="124239" y="265740"/>
                      <a:pt x="129058" y="277696"/>
                      <a:pt x="128891" y="290104"/>
                    </a:cubicBezTo>
                    <a:cubicBezTo>
                      <a:pt x="128555" y="315694"/>
                      <a:pt x="107515" y="336163"/>
                      <a:pt x="81925" y="335827"/>
                    </a:cubicBezTo>
                    <a:lnTo>
                      <a:pt x="33583" y="335827"/>
                    </a:lnTo>
                    <a:cubicBezTo>
                      <a:pt x="15028" y="335827"/>
                      <a:pt x="0" y="350856"/>
                      <a:pt x="0" y="369410"/>
                    </a:cubicBezTo>
                    <a:lnTo>
                      <a:pt x="0" y="504077"/>
                    </a:lnTo>
                    <a:cubicBezTo>
                      <a:pt x="0" y="522631"/>
                      <a:pt x="15028" y="537660"/>
                      <a:pt x="33583" y="537660"/>
                    </a:cubicBezTo>
                    <a:lnTo>
                      <a:pt x="80263" y="537660"/>
                    </a:lnTo>
                    <a:cubicBezTo>
                      <a:pt x="92672" y="537492"/>
                      <a:pt x="104644" y="542311"/>
                      <a:pt x="113459" y="551042"/>
                    </a:cubicBezTo>
                    <a:cubicBezTo>
                      <a:pt x="131661" y="569043"/>
                      <a:pt x="131829" y="598377"/>
                      <a:pt x="113845" y="616579"/>
                    </a:cubicBezTo>
                    <a:lnTo>
                      <a:pt x="80263" y="650162"/>
                    </a:lnTo>
                    <a:cubicBezTo>
                      <a:pt x="80263" y="650162"/>
                      <a:pt x="80128" y="650296"/>
                      <a:pt x="80061" y="650363"/>
                    </a:cubicBezTo>
                    <a:cubicBezTo>
                      <a:pt x="66998" y="663528"/>
                      <a:pt x="67082" y="684802"/>
                      <a:pt x="80263" y="697849"/>
                    </a:cubicBezTo>
                    <a:lnTo>
                      <a:pt x="175638" y="791209"/>
                    </a:lnTo>
                    <a:cubicBezTo>
                      <a:pt x="175638" y="791209"/>
                      <a:pt x="175772" y="791343"/>
                      <a:pt x="175839" y="791411"/>
                    </a:cubicBezTo>
                    <a:cubicBezTo>
                      <a:pt x="189004" y="804474"/>
                      <a:pt x="210278" y="804390"/>
                      <a:pt x="223325" y="791209"/>
                    </a:cubicBezTo>
                    <a:lnTo>
                      <a:pt x="256908" y="757626"/>
                    </a:lnTo>
                    <a:cubicBezTo>
                      <a:pt x="265740" y="748895"/>
                      <a:pt x="277696" y="744076"/>
                      <a:pt x="290104" y="744244"/>
                    </a:cubicBezTo>
                    <a:cubicBezTo>
                      <a:pt x="315694" y="744580"/>
                      <a:pt x="336163" y="765619"/>
                      <a:pt x="335827" y="791209"/>
                    </a:cubicBezTo>
                    <a:lnTo>
                      <a:pt x="335827" y="839568"/>
                    </a:lnTo>
                    <a:cubicBezTo>
                      <a:pt x="335827" y="858123"/>
                      <a:pt x="350856" y="873151"/>
                      <a:pt x="369410" y="873151"/>
                    </a:cubicBezTo>
                    <a:lnTo>
                      <a:pt x="503741" y="873151"/>
                    </a:lnTo>
                    <a:cubicBezTo>
                      <a:pt x="521758" y="872429"/>
                      <a:pt x="535997" y="857602"/>
                      <a:pt x="535980" y="839568"/>
                    </a:cubicBezTo>
                    <a:lnTo>
                      <a:pt x="535980" y="793896"/>
                    </a:lnTo>
                    <a:cubicBezTo>
                      <a:pt x="535813" y="781487"/>
                      <a:pt x="540632" y="769515"/>
                      <a:pt x="549363" y="760699"/>
                    </a:cubicBezTo>
                    <a:cubicBezTo>
                      <a:pt x="567364" y="742497"/>
                      <a:pt x="596698" y="742329"/>
                      <a:pt x="614900" y="760313"/>
                    </a:cubicBezTo>
                    <a:lnTo>
                      <a:pt x="648483" y="793896"/>
                    </a:lnTo>
                    <a:cubicBezTo>
                      <a:pt x="648483" y="793896"/>
                      <a:pt x="648617" y="794030"/>
                      <a:pt x="648684" y="794097"/>
                    </a:cubicBezTo>
                    <a:cubicBezTo>
                      <a:pt x="661848" y="807161"/>
                      <a:pt x="683123" y="807077"/>
                      <a:pt x="696170" y="793896"/>
                    </a:cubicBezTo>
                    <a:lnTo>
                      <a:pt x="791209" y="698857"/>
                    </a:lnTo>
                    <a:cubicBezTo>
                      <a:pt x="791209" y="698857"/>
                      <a:pt x="791343" y="698722"/>
                      <a:pt x="791411" y="698655"/>
                    </a:cubicBezTo>
                    <a:cubicBezTo>
                      <a:pt x="804474" y="685491"/>
                      <a:pt x="804390" y="664216"/>
                      <a:pt x="791209" y="651169"/>
                    </a:cubicBezTo>
                    <a:lnTo>
                      <a:pt x="757626" y="617586"/>
                    </a:lnTo>
                    <a:cubicBezTo>
                      <a:pt x="748895" y="608754"/>
                      <a:pt x="744076" y="596799"/>
                      <a:pt x="744244" y="584390"/>
                    </a:cubicBezTo>
                    <a:cubicBezTo>
                      <a:pt x="744580" y="558800"/>
                      <a:pt x="765619" y="538331"/>
                      <a:pt x="791209" y="538667"/>
                    </a:cubicBezTo>
                    <a:lnTo>
                      <a:pt x="839568" y="538667"/>
                    </a:lnTo>
                    <a:cubicBezTo>
                      <a:pt x="858123" y="538667"/>
                      <a:pt x="873151" y="523639"/>
                      <a:pt x="873151" y="505084"/>
                    </a:cubicBezTo>
                    <a:lnTo>
                      <a:pt x="873151" y="370753"/>
                    </a:lnTo>
                    <a:cubicBezTo>
                      <a:pt x="873151" y="367647"/>
                      <a:pt x="872698" y="364658"/>
                      <a:pt x="871908" y="361804"/>
                    </a:cubicBezTo>
                    <a:close/>
                    <a:moveTo>
                      <a:pt x="436576" y="604489"/>
                    </a:moveTo>
                    <a:cubicBezTo>
                      <a:pt x="343837" y="604489"/>
                      <a:pt x="268662" y="529314"/>
                      <a:pt x="268662" y="436576"/>
                    </a:cubicBezTo>
                    <a:cubicBezTo>
                      <a:pt x="268662" y="343837"/>
                      <a:pt x="343837" y="268662"/>
                      <a:pt x="436576" y="268662"/>
                    </a:cubicBezTo>
                    <a:cubicBezTo>
                      <a:pt x="529314" y="268662"/>
                      <a:pt x="604489" y="343837"/>
                      <a:pt x="604489" y="436576"/>
                    </a:cubicBezTo>
                    <a:cubicBezTo>
                      <a:pt x="604489" y="529314"/>
                      <a:pt x="529314" y="604489"/>
                      <a:pt x="436576" y="604489"/>
                    </a:cubicBezTo>
                    <a:close/>
                  </a:path>
                </a:pathLst>
              </a:custGeom>
              <a:solidFill>
                <a:srgbClr val="2196F3"/>
              </a:solidFill>
              <a:ln cap="flat" w="1667">
                <a:noFill/>
                <a:prstDash val="solid"/>
                <a:miter/>
              </a:ln>
            </p:spPr>
            <p:txBody>
              <a:bodyPr anchor="ctr" rtlCol="0"/>
              <a:lstStyle/>
              <a:p>
                <a:endParaRPr lang="es-ES"/>
              </a:p>
            </p:txBody>
          </p:sp>
        </p:grpSp>
      </p:grpSp>
      <p:sp>
        <p:nvSpPr>
          <p:cNvPr id="32" name="!!sharingbox">
            <a:extLst>
              <a:ext uri="{FF2B5EF4-FFF2-40B4-BE49-F238E27FC236}">
                <a16:creationId xmlns:a16="http://schemas.microsoft.com/office/drawing/2014/main" id="{DD67D8B1-E326-B3EB-53FE-BF0065FDA758}"/>
              </a:ext>
            </a:extLst>
          </p:cNvPr>
          <p:cNvSpPr/>
          <p:nvPr/>
        </p:nvSpPr>
        <p:spPr>
          <a:xfrm>
            <a:off x="-3601619" y="574266"/>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b88ba93c420a94486f1488d384dafc0c">
            <a:pPr algn="ctr"/>
            <a:r>
              <a:rPr lang="es-ES" sz="2400"/>
              <a:t>Paramètres de partage</a:t>
            </a:r>
            <a:endParaRPr dirty="0" lang="en-NO" sz="2400"/>
          </a:p>
        </p:txBody>
      </p:sp>
      <p:grpSp>
        <p:nvGrpSpPr>
          <p:cNvPr id="33" name="Group 32">
            <a:extLst>
              <a:ext uri="{FF2B5EF4-FFF2-40B4-BE49-F238E27FC236}">
                <a16:creationId xmlns:a16="http://schemas.microsoft.com/office/drawing/2014/main" id="{BED54C65-19CE-DD57-25D3-C2E62FDBDD5D}"/>
              </a:ext>
            </a:extLst>
          </p:cNvPr>
          <p:cNvGrpSpPr/>
          <p:nvPr/>
        </p:nvGrpSpPr>
        <p:grpSpPr>
          <a:xfrm>
            <a:off x="3061429" y="3037433"/>
            <a:ext cx="1886211" cy="1663778"/>
            <a:chOff x="8409934" y="2229519"/>
            <a:chExt cx="1886211" cy="1663778"/>
          </a:xfrm>
        </p:grpSpPr>
        <p:pic>
          <p:nvPicPr>
            <p:cNvPr id="34" name="Picture 33">
              <a:extLst>
                <a:ext uri="{FF2B5EF4-FFF2-40B4-BE49-F238E27FC236}">
                  <a16:creationId xmlns:a16="http://schemas.microsoft.com/office/drawing/2014/main" id="{AA82B28E-BC74-248F-CFCE-07B10E605E4C}"/>
                </a:ext>
              </a:extLst>
            </p:cNvPr>
            <p:cNvPicPr>
              <a:picLocks noChangeAspect="1"/>
            </p:cNvPicPr>
            <p:nvPr/>
          </p:nvPicPr>
          <p:blipFill>
            <a:blip r:embed="rId4"/>
            <a:stretch>
              <a:fillRect/>
            </a:stretch>
          </p:blipFill>
          <p:spPr>
            <a:xfrm>
              <a:off x="8409934" y="2229519"/>
              <a:ext cx="1141623" cy="1663778"/>
            </a:xfrm>
            <a:prstGeom prst="rect">
              <a:avLst/>
            </a:prstGeom>
          </p:spPr>
        </p:pic>
        <p:sp>
          <p:nvSpPr>
            <p:cNvPr id="35" name="Freeform: Shape 34">
              <a:extLst>
                <a:ext uri="{FF2B5EF4-FFF2-40B4-BE49-F238E27FC236}">
                  <a16:creationId xmlns:a16="http://schemas.microsoft.com/office/drawing/2014/main" id="{1133DB2B-43B7-2E06-193C-737E0469EB1D}"/>
                </a:ext>
              </a:extLst>
            </p:cNvPr>
            <p:cNvSpPr/>
            <p:nvPr/>
          </p:nvSpPr>
          <p:spPr>
            <a:xfrm>
              <a:off x="9703183" y="2973925"/>
              <a:ext cx="391447" cy="391447"/>
            </a:xfrm>
            <a:custGeom>
              <a:avLst/>
              <a:gdLst>
                <a:gd fmla="*/ 391447 w 391447" name="connsiteX0"/>
                <a:gd fmla="*/ 195724 h 391447" name="connsiteY0"/>
                <a:gd fmla="*/ 195724 w 391447" name="connsiteX1"/>
                <a:gd fmla="*/ 391447 h 391447" name="connsiteY1"/>
                <a:gd fmla="*/ 0 w 391447" name="connsiteX2"/>
                <a:gd fmla="*/ 195724 h 391447" name="connsiteY2"/>
                <a:gd fmla="*/ 195724 w 391447" name="connsiteX3"/>
                <a:gd fmla="*/ 0 h 391447" name="connsiteY3"/>
                <a:gd fmla="*/ 391447 w 391447" name="connsiteX4"/>
                <a:gd fmla="*/ 195724 h 391447"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391447" w="391447">
                  <a:moveTo>
                    <a:pt x="391447" y="195724"/>
                  </a:moveTo>
                  <a:cubicBezTo>
                    <a:pt x="391447" y="303819"/>
                    <a:pt x="303819" y="391447"/>
                    <a:pt x="195724" y="391447"/>
                  </a:cubicBezTo>
                  <a:cubicBezTo>
                    <a:pt x="87629" y="391447"/>
                    <a:pt x="0" y="303819"/>
                    <a:pt x="0" y="195724"/>
                  </a:cubicBezTo>
                  <a:cubicBezTo>
                    <a:pt x="0" y="87629"/>
                    <a:pt x="87629" y="0"/>
                    <a:pt x="195724" y="0"/>
                  </a:cubicBezTo>
                  <a:cubicBezTo>
                    <a:pt x="303819" y="0"/>
                    <a:pt x="391447" y="87629"/>
                    <a:pt x="391447" y="195724"/>
                  </a:cubicBezTo>
                  <a:close/>
                </a:path>
              </a:pathLst>
            </a:custGeom>
            <a:solidFill>
              <a:srgbClr val="FFFFFF"/>
            </a:solidFill>
            <a:ln cap="flat" w="1594">
              <a:noFill/>
              <a:prstDash val="solid"/>
              <a:miter/>
            </a:ln>
          </p:spPr>
          <p:txBody>
            <a:bodyPr anchor="ctr" rtlCol="0"/>
            <a:lstStyle/>
            <a:p>
              <a:endParaRPr lang="es-ES"/>
            </a:p>
          </p:txBody>
        </p:sp>
        <p:grpSp>
          <p:nvGrpSpPr>
            <p:cNvPr id="36" name="Graphic 4">
              <a:extLst>
                <a:ext uri="{FF2B5EF4-FFF2-40B4-BE49-F238E27FC236}">
                  <a16:creationId xmlns:a16="http://schemas.microsoft.com/office/drawing/2014/main" id="{933D968D-DF16-02D8-5F40-879AC9A6B3B0}"/>
                </a:ext>
              </a:extLst>
            </p:cNvPr>
            <p:cNvGrpSpPr/>
            <p:nvPr/>
          </p:nvGrpSpPr>
          <p:grpSpPr>
            <a:xfrm>
              <a:off x="9466672" y="2754865"/>
              <a:ext cx="829473" cy="829473"/>
              <a:chOff x="9466672" y="2754865"/>
              <a:chExt cx="829473" cy="829473"/>
            </a:xfrm>
          </p:grpSpPr>
          <p:sp>
            <p:nvSpPr>
              <p:cNvPr id="37" name="Freeform: Shape 36">
                <a:extLst>
                  <a:ext uri="{FF2B5EF4-FFF2-40B4-BE49-F238E27FC236}">
                    <a16:creationId xmlns:a16="http://schemas.microsoft.com/office/drawing/2014/main" id="{016B0562-4537-4E86-CA12-05BF3F89BC33}"/>
                  </a:ext>
                </a:extLst>
              </p:cNvPr>
              <p:cNvSpPr/>
              <p:nvPr/>
            </p:nvSpPr>
            <p:spPr>
              <a:xfrm rot="-1011000">
                <a:off x="9785720" y="3073848"/>
                <a:ext cx="191416" cy="191416"/>
              </a:xfrm>
              <a:custGeom>
                <a:avLst/>
                <a:gdLst>
                  <a:gd fmla="*/ 191417 w 191416" name="connsiteX0"/>
                  <a:gd fmla="*/ 95708 h 191416" name="connsiteY0"/>
                  <a:gd fmla="*/ 95708 w 191416" name="connsiteX1"/>
                  <a:gd fmla="*/ 191417 h 191416" name="connsiteY1"/>
                  <a:gd fmla="*/ 0 w 191416" name="connsiteX2"/>
                  <a:gd fmla="*/ 95708 h 191416" name="connsiteY2"/>
                  <a:gd fmla="*/ 95708 w 191416" name="connsiteX3"/>
                  <a:gd fmla="*/ 0 h 191416" name="connsiteY3"/>
                  <a:gd fmla="*/ 191417 w 191416" name="connsiteX4"/>
                  <a:gd fmla="*/ 95708 h 191416" name="connsiteY4"/>
                </a:gdLst>
                <a:ahLst/>
                <a:cxnLst>
                  <a:cxn ang="0">
                    <a:pos x="connsiteX0" y="connsiteY0"/>
                  </a:cxn>
                  <a:cxn ang="0">
                    <a:pos x="connsiteX1" y="connsiteY1"/>
                  </a:cxn>
                  <a:cxn ang="0">
                    <a:pos x="connsiteX2" y="connsiteY2"/>
                  </a:cxn>
                  <a:cxn ang="0">
                    <a:pos x="connsiteX3" y="connsiteY3"/>
                  </a:cxn>
                  <a:cxn ang="0">
                    <a:pos x="connsiteX4" y="connsiteY4"/>
                  </a:cxn>
                </a:cxnLst>
                <a:rect b="b" l="l" r="r" t="t"/>
                <a:pathLst>
                  <a:path h="191416" w="191416">
                    <a:moveTo>
                      <a:pt x="191417" y="95708"/>
                    </a:moveTo>
                    <a:cubicBezTo>
                      <a:pt x="191417" y="148567"/>
                      <a:pt x="148567" y="191417"/>
                      <a:pt x="95708" y="191417"/>
                    </a:cubicBezTo>
                    <a:cubicBezTo>
                      <a:pt x="42850" y="191417"/>
                      <a:pt x="0" y="148567"/>
                      <a:pt x="0" y="95708"/>
                    </a:cubicBezTo>
                    <a:cubicBezTo>
                      <a:pt x="0" y="42850"/>
                      <a:pt x="42850" y="0"/>
                      <a:pt x="95708" y="0"/>
                    </a:cubicBezTo>
                    <a:cubicBezTo>
                      <a:pt x="148567" y="0"/>
                      <a:pt x="191417" y="42850"/>
                      <a:pt x="191417" y="95708"/>
                    </a:cubicBezTo>
                    <a:close/>
                  </a:path>
                </a:pathLst>
              </a:custGeom>
              <a:solidFill>
                <a:schemeClr val="accent2"/>
              </a:solidFill>
              <a:ln cap="flat" w="1594">
                <a:noFill/>
                <a:prstDash val="solid"/>
                <a:miter/>
              </a:ln>
            </p:spPr>
            <p:txBody>
              <a:bodyPr anchor="ctr" rtlCol="0"/>
              <a:lstStyle/>
              <a:p>
                <a:endParaRPr lang="es-ES"/>
              </a:p>
            </p:txBody>
          </p:sp>
          <p:sp>
            <p:nvSpPr>
              <p:cNvPr id="38" name="Freeform: Shape 37">
                <a:extLst>
                  <a:ext uri="{FF2B5EF4-FFF2-40B4-BE49-F238E27FC236}">
                    <a16:creationId xmlns:a16="http://schemas.microsoft.com/office/drawing/2014/main" id="{11CC9FCC-11E3-CCA2-693B-0668426930CA}"/>
                  </a:ext>
                </a:extLst>
              </p:cNvPr>
              <p:cNvSpPr/>
              <p:nvPr/>
            </p:nvSpPr>
            <p:spPr>
              <a:xfrm>
                <a:off x="9466672" y="2754865"/>
                <a:ext cx="829473" cy="829473"/>
              </a:xfrm>
              <a:custGeom>
                <a:avLst/>
                <a:gdLst>
                  <a:gd fmla="*/ 828293 w 829473" name="connsiteX0"/>
                  <a:gd fmla="*/ 343705 h 829473" name="connsiteY0"/>
                  <a:gd fmla="*/ 826889 w 829473" name="connsiteX1"/>
                  <a:gd fmla="*/ 339637 h 829473" name="connsiteY1"/>
                  <a:gd fmla="*/ 797570 w 829473" name="connsiteX2"/>
                  <a:gd fmla="*/ 320304 h 829473" name="connsiteY2"/>
                  <a:gd fmla="*/ 752587 w 829473" name="connsiteX3"/>
                  <a:gd fmla="*/ 320304 h 829473" name="connsiteY3"/>
                  <a:gd fmla="*/ 721051 w 829473" name="connsiteX4"/>
                  <a:gd fmla="*/ 307591 h 829473" name="connsiteY4"/>
                  <a:gd fmla="*/ 720684 w 829473" name="connsiteX5"/>
                  <a:gd fmla="*/ 245333 h 829473" name="connsiteY5"/>
                  <a:gd fmla="*/ 752587 w 829473" name="connsiteX6"/>
                  <a:gd fmla="*/ 213430 h 829473" name="connsiteY6"/>
                  <a:gd fmla="*/ 752779 w 829473" name="connsiteX7"/>
                  <a:gd fmla="*/ 213238 h 829473" name="connsiteY7"/>
                  <a:gd fmla="*/ 755873 w 829473" name="connsiteX8"/>
                  <a:gd fmla="*/ 209554 h 829473" name="connsiteY8"/>
                  <a:gd fmla="*/ 752587 w 829473" name="connsiteX9"/>
                  <a:gd fmla="*/ 168128 h 829473" name="connsiteY9"/>
                  <a:gd fmla="*/ 662302 w 829473" name="connsiteX10"/>
                  <a:gd fmla="*/ 77843 h 829473" name="connsiteY10"/>
                  <a:gd fmla="*/ 662111 w 829473" name="connsiteX11"/>
                  <a:gd fmla="*/ 77651 h 829473" name="connsiteY11"/>
                  <a:gd fmla="*/ 617000 w 829473" name="connsiteX12"/>
                  <a:gd fmla="*/ 77843 h 829473" name="connsiteY12"/>
                  <a:gd fmla="*/ 607589 w 829473" name="connsiteX13"/>
                  <a:gd fmla="*/ 87254 h 829473" name="connsiteY13"/>
                  <a:gd fmla="*/ 585098 w 829473" name="connsiteX14"/>
                  <a:gd fmla="*/ 109746 h 829473" name="connsiteY14"/>
                  <a:gd fmla="*/ 553562 w 829473" name="connsiteX15"/>
                  <a:gd fmla="*/ 122459 h 829473" name="connsiteY15"/>
                  <a:gd fmla="*/ 510126 w 829473" name="connsiteX16"/>
                  <a:gd fmla="*/ 77843 h 829473" name="connsiteY16"/>
                  <a:gd fmla="*/ 510126 w 829473" name="connsiteX17"/>
                  <a:gd fmla="*/ 31903 h 829473" name="connsiteY17"/>
                  <a:gd fmla="*/ 478223 w 829473" name="connsiteX18"/>
                  <a:gd fmla="*/ 0 h 829473" name="connsiteY18"/>
                  <a:gd fmla="*/ 350612 w 829473" name="connsiteX19"/>
                  <a:gd fmla="*/ 0 h 829473" name="connsiteY19"/>
                  <a:gd fmla="*/ 318709 w 829473" name="connsiteX20"/>
                  <a:gd fmla="*/ 31903 h 829473" name="connsiteY20"/>
                  <a:gd fmla="*/ 318709 w 829473" name="connsiteX21"/>
                  <a:gd fmla="*/ 76248 h 829473" name="connsiteY21"/>
                  <a:gd fmla="*/ 305996 w 829473" name="connsiteX22"/>
                  <a:gd fmla="*/ 107784 h 829473" name="connsiteY22"/>
                  <a:gd fmla="*/ 243737 w 829473" name="connsiteX23"/>
                  <a:gd fmla="*/ 108151 h 829473" name="connsiteY23"/>
                  <a:gd fmla="*/ 215041 w 829473" name="connsiteX24"/>
                  <a:gd fmla="*/ 79454 h 829473" name="connsiteY24"/>
                  <a:gd fmla="*/ 211835 w 829473" name="connsiteX25"/>
                  <a:gd fmla="*/ 76248 h 829473" name="connsiteY25"/>
                  <a:gd fmla="*/ 211643 w 829473" name="connsiteX26"/>
                  <a:gd fmla="*/ 76056 h 829473" name="connsiteY26"/>
                  <a:gd fmla="*/ 166533 w 829473" name="connsiteX27"/>
                  <a:gd fmla="*/ 76248 h 829473" name="connsiteY27"/>
                  <a:gd fmla="*/ 77843 w 829473" name="connsiteX28"/>
                  <a:gd fmla="*/ 166852 h 829473" name="connsiteY28"/>
                  <a:gd fmla="*/ 77651 w 829473" name="connsiteX29"/>
                  <a:gd fmla="*/ 167043 h 829473" name="connsiteY29"/>
                  <a:gd fmla="*/ 68447 w 829473" name="connsiteX30"/>
                  <a:gd fmla="*/ 188402 h 829473" name="connsiteY30"/>
                  <a:gd fmla="*/ 77827 w 829473" name="connsiteX31"/>
                  <a:gd fmla="*/ 212154 h 829473" name="connsiteY31"/>
                  <a:gd fmla="*/ 109730 w 829473" name="connsiteX32"/>
                  <a:gd fmla="*/ 244056 h 829473" name="connsiteY32"/>
                  <a:gd fmla="*/ 122443 w 829473" name="connsiteX33"/>
                  <a:gd fmla="*/ 275592 h 829473" name="connsiteY33"/>
                  <a:gd fmla="*/ 77827 w 829473" name="connsiteX34"/>
                  <a:gd fmla="*/ 319028 h 829473" name="connsiteY34"/>
                  <a:gd fmla="*/ 31903 w 829473" name="connsiteX35"/>
                  <a:gd fmla="*/ 319028 h 829473" name="connsiteY35"/>
                  <a:gd fmla="*/ 0 w 829473" name="connsiteX36"/>
                  <a:gd fmla="*/ 350931 h 829473" name="connsiteY36"/>
                  <a:gd fmla="*/ 0 w 829473" name="connsiteX37"/>
                  <a:gd fmla="*/ 478861 h 829473" name="connsiteY37"/>
                  <a:gd fmla="*/ 31903 w 829473" name="connsiteX38"/>
                  <a:gd fmla="*/ 510764 h 829473" name="connsiteY38"/>
                  <a:gd fmla="*/ 76248 w 829473" name="connsiteX39"/>
                  <a:gd fmla="*/ 510764 h 829473" name="connsiteY39"/>
                  <a:gd fmla="*/ 107784 w 829473" name="connsiteX40"/>
                  <a:gd fmla="*/ 523477 h 829473" name="connsiteY40"/>
                  <a:gd fmla="*/ 108151 w 829473" name="connsiteX41"/>
                  <a:gd fmla="*/ 585736 h 829473" name="connsiteY41"/>
                  <a:gd fmla="*/ 76248 w 829473" name="connsiteX42"/>
                  <a:gd fmla="*/ 617638 h 829473" name="connsiteY42"/>
                  <a:gd fmla="*/ 76056 w 829473" name="connsiteX43"/>
                  <a:gd fmla="*/ 617830 h 829473" name="connsiteY43"/>
                  <a:gd fmla="*/ 76248 w 829473" name="connsiteX44"/>
                  <a:gd fmla="*/ 662940 h 829473" name="connsiteY44"/>
                  <a:gd fmla="*/ 166852 w 829473" name="connsiteX45"/>
                  <a:gd fmla="*/ 751630 h 829473" name="connsiteY45"/>
                  <a:gd fmla="*/ 167043 w 829473" name="connsiteX46"/>
                  <a:gd fmla="*/ 751822 h 829473" name="connsiteY46"/>
                  <a:gd fmla="*/ 212154 w 829473" name="connsiteX47"/>
                  <a:gd fmla="*/ 751630 h 829473" name="connsiteY47"/>
                  <a:gd fmla="*/ 244056 w 829473" name="connsiteX48"/>
                  <a:gd fmla="*/ 719727 h 829473" name="connsiteY48"/>
                  <a:gd fmla="*/ 275592 w 829473" name="connsiteX49"/>
                  <a:gd fmla="*/ 707014 h 829473" name="connsiteY49"/>
                  <a:gd fmla="*/ 319028 w 829473" name="connsiteX50"/>
                  <a:gd fmla="*/ 751630 h 829473" name="connsiteY50"/>
                  <a:gd fmla="*/ 319028 w 829473" name="connsiteX51"/>
                  <a:gd fmla="*/ 797570 h 829473" name="connsiteY51"/>
                  <a:gd fmla="*/ 350931 w 829473" name="connsiteX52"/>
                  <a:gd fmla="*/ 829473 h 829473" name="connsiteY52"/>
                  <a:gd fmla="*/ 478542 w 829473" name="connsiteX53"/>
                  <a:gd fmla="*/ 829473 h 829473" name="connsiteY53"/>
                  <a:gd fmla="*/ 509169 w 829473" name="connsiteX54"/>
                  <a:gd fmla="*/ 797570 h 829473" name="connsiteY54"/>
                  <a:gd fmla="*/ 509169 w 829473" name="connsiteX55"/>
                  <a:gd fmla="*/ 754182 h 829473" name="connsiteY55"/>
                  <a:gd fmla="*/ 521882 w 829473" name="connsiteX56"/>
                  <a:gd fmla="*/ 722646 h 829473" name="connsiteY56"/>
                  <a:gd fmla="*/ 584140 w 829473" name="connsiteX57"/>
                  <a:gd fmla="*/ 722280 h 829473" name="connsiteY57"/>
                  <a:gd fmla="*/ 616043 w 829473" name="connsiteX58"/>
                  <a:gd fmla="*/ 754182 h 829473" name="connsiteY58"/>
                  <a:gd fmla="*/ 616235 w 829473" name="connsiteX59"/>
                  <a:gd fmla="*/ 754374 h 829473" name="connsiteY59"/>
                  <a:gd fmla="*/ 661345 w 829473" name="connsiteX60"/>
                  <a:gd fmla="*/ 754182 h 829473" name="connsiteY60"/>
                  <a:gd fmla="*/ 751630 w 829473" name="connsiteX61"/>
                  <a:gd fmla="*/ 663897 h 829473" name="connsiteY61"/>
                  <a:gd fmla="*/ 751822 w 829473" name="connsiteX62"/>
                  <a:gd fmla="*/ 663706 h 829473" name="connsiteY62"/>
                  <a:gd fmla="*/ 751630 w 829473" name="connsiteX63"/>
                  <a:gd fmla="*/ 618595 h 829473" name="connsiteY63"/>
                  <a:gd fmla="*/ 719727 w 829473" name="connsiteX64"/>
                  <a:gd fmla="*/ 586693 h 829473" name="connsiteY64"/>
                  <a:gd fmla="*/ 707014 w 829473" name="connsiteX65"/>
                  <a:gd fmla="*/ 555157 h 829473" name="connsiteY65"/>
                  <a:gd fmla="*/ 751630 w 829473" name="connsiteX66"/>
                  <a:gd fmla="*/ 511721 h 829473" name="connsiteY66"/>
                  <a:gd fmla="*/ 797570 w 829473" name="connsiteX67"/>
                  <a:gd fmla="*/ 511721 h 829473" name="connsiteY67"/>
                  <a:gd fmla="*/ 829473 w 829473" name="connsiteX68"/>
                  <a:gd fmla="*/ 479818 h 829473" name="connsiteY68"/>
                  <a:gd fmla="*/ 829473 w 829473" name="connsiteX69"/>
                  <a:gd fmla="*/ 352207 h 829473" name="connsiteY69"/>
                  <a:gd fmla="*/ 828293 w 829473" name="connsiteX70"/>
                  <a:gd fmla="*/ 343705 h 829473" name="connsiteY70"/>
                  <a:gd fmla="*/ 414737 w 829473" name="connsiteX71"/>
                  <a:gd fmla="*/ 574251 h 829473" name="connsiteY71"/>
                  <a:gd fmla="*/ 255222 w 829473" name="connsiteX72"/>
                  <a:gd fmla="*/ 414737 h 829473" name="connsiteY72"/>
                  <a:gd fmla="*/ 414737 w 829473" name="connsiteX73"/>
                  <a:gd fmla="*/ 255222 h 829473" name="connsiteY73"/>
                  <a:gd fmla="*/ 574251 w 829473" name="connsiteX74"/>
                  <a:gd fmla="*/ 414737 h 829473" name="connsiteY74"/>
                  <a:gd fmla="*/ 414737 w 829473" name="connsiteX75"/>
                  <a:gd fmla="*/ 574251 h 829473" name="connsiteY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 ang="0">
                    <a:pos x="connsiteX62" y="connsiteY62"/>
                  </a:cxn>
                  <a:cxn ang="0">
                    <a:pos x="connsiteX63" y="connsiteY63"/>
                  </a:cxn>
                  <a:cxn ang="0">
                    <a:pos x="connsiteX64" y="connsiteY64"/>
                  </a:cxn>
                  <a:cxn ang="0">
                    <a:pos x="connsiteX65" y="connsiteY65"/>
                  </a:cxn>
                  <a:cxn ang="0">
                    <a:pos x="connsiteX66" y="connsiteY66"/>
                  </a:cxn>
                  <a:cxn ang="0">
                    <a:pos x="connsiteX67" y="connsiteY67"/>
                  </a:cxn>
                  <a:cxn ang="0">
                    <a:pos x="connsiteX68" y="connsiteY68"/>
                  </a:cxn>
                  <a:cxn ang="0">
                    <a:pos x="connsiteX69" y="connsiteY69"/>
                  </a:cxn>
                  <a:cxn ang="0">
                    <a:pos x="connsiteX70" y="connsiteY70"/>
                  </a:cxn>
                  <a:cxn ang="0">
                    <a:pos x="connsiteX71" y="connsiteY71"/>
                  </a:cxn>
                  <a:cxn ang="0">
                    <a:pos x="connsiteX72" y="connsiteY72"/>
                  </a:cxn>
                  <a:cxn ang="0">
                    <a:pos x="connsiteX73" y="connsiteY73"/>
                  </a:cxn>
                  <a:cxn ang="0">
                    <a:pos x="connsiteX74" y="connsiteY74"/>
                  </a:cxn>
                  <a:cxn ang="0">
                    <a:pos x="connsiteX75" y="connsiteY75"/>
                  </a:cxn>
                </a:cxnLst>
                <a:rect b="b" l="l" r="r" t="t"/>
                <a:pathLst>
                  <a:path h="829473" w="829473">
                    <a:moveTo>
                      <a:pt x="828293" y="343705"/>
                    </a:moveTo>
                    <a:cubicBezTo>
                      <a:pt x="827830" y="342349"/>
                      <a:pt x="827367" y="340993"/>
                      <a:pt x="826889" y="339637"/>
                    </a:cubicBezTo>
                    <a:cubicBezTo>
                      <a:pt x="822008" y="328280"/>
                      <a:pt x="810714" y="320304"/>
                      <a:pt x="797570" y="320304"/>
                    </a:cubicBezTo>
                    <a:lnTo>
                      <a:pt x="752587" y="320304"/>
                    </a:lnTo>
                    <a:cubicBezTo>
                      <a:pt x="740799" y="320464"/>
                      <a:pt x="729426" y="315886"/>
                      <a:pt x="721051" y="307591"/>
                    </a:cubicBezTo>
                    <a:cubicBezTo>
                      <a:pt x="703760" y="290491"/>
                      <a:pt x="703600" y="262624"/>
                      <a:pt x="720684" y="245333"/>
                    </a:cubicBezTo>
                    <a:lnTo>
                      <a:pt x="752587" y="213430"/>
                    </a:lnTo>
                    <a:cubicBezTo>
                      <a:pt x="752587" y="213430"/>
                      <a:pt x="752715" y="213302"/>
                      <a:pt x="752779" y="213238"/>
                    </a:cubicBezTo>
                    <a:cubicBezTo>
                      <a:pt x="753927" y="212074"/>
                      <a:pt x="754932" y="210830"/>
                      <a:pt x="755873" y="209554"/>
                    </a:cubicBezTo>
                    <a:cubicBezTo>
                      <a:pt x="765029" y="197032"/>
                      <a:pt x="763945" y="179374"/>
                      <a:pt x="752587" y="168128"/>
                    </a:cubicBezTo>
                    <a:lnTo>
                      <a:pt x="662302" y="77843"/>
                    </a:lnTo>
                    <a:cubicBezTo>
                      <a:pt x="662302" y="77843"/>
                      <a:pt x="662175" y="77715"/>
                      <a:pt x="662111" y="77651"/>
                    </a:cubicBezTo>
                    <a:cubicBezTo>
                      <a:pt x="649605" y="65241"/>
                      <a:pt x="629395" y="65321"/>
                      <a:pt x="617000" y="77843"/>
                    </a:cubicBezTo>
                    <a:lnTo>
                      <a:pt x="607589" y="87254"/>
                    </a:lnTo>
                    <a:lnTo>
                      <a:pt x="585098" y="109746"/>
                    </a:lnTo>
                    <a:cubicBezTo>
                      <a:pt x="576707" y="118040"/>
                      <a:pt x="565350" y="122618"/>
                      <a:pt x="553562" y="122459"/>
                    </a:cubicBezTo>
                    <a:cubicBezTo>
                      <a:pt x="529252" y="122140"/>
                      <a:pt x="509807" y="102153"/>
                      <a:pt x="510126" y="77843"/>
                    </a:cubicBezTo>
                    <a:lnTo>
                      <a:pt x="510126" y="31903"/>
                    </a:lnTo>
                    <a:cubicBezTo>
                      <a:pt x="510126" y="14277"/>
                      <a:pt x="495849" y="0"/>
                      <a:pt x="478223" y="0"/>
                    </a:cubicBezTo>
                    <a:lnTo>
                      <a:pt x="350612" y="0"/>
                    </a:lnTo>
                    <a:cubicBezTo>
                      <a:pt x="332986" y="0"/>
                      <a:pt x="318709" y="14277"/>
                      <a:pt x="318709" y="31903"/>
                    </a:cubicBezTo>
                    <a:lnTo>
                      <a:pt x="318709" y="76248"/>
                    </a:lnTo>
                    <a:cubicBezTo>
                      <a:pt x="318869" y="88036"/>
                      <a:pt x="314291" y="99409"/>
                      <a:pt x="305996" y="107784"/>
                    </a:cubicBezTo>
                    <a:cubicBezTo>
                      <a:pt x="288896" y="125075"/>
                      <a:pt x="261029" y="125234"/>
                      <a:pt x="243737" y="108151"/>
                    </a:cubicBezTo>
                    <a:lnTo>
                      <a:pt x="215041" y="79454"/>
                    </a:lnTo>
                    <a:lnTo>
                      <a:pt x="211835" y="76248"/>
                    </a:lnTo>
                    <a:cubicBezTo>
                      <a:pt x="211835" y="76248"/>
                      <a:pt x="211707" y="76120"/>
                      <a:pt x="211643" y="76056"/>
                    </a:cubicBezTo>
                    <a:cubicBezTo>
                      <a:pt x="199137" y="63646"/>
                      <a:pt x="178927" y="63726"/>
                      <a:pt x="166533" y="76248"/>
                    </a:cubicBezTo>
                    <a:lnTo>
                      <a:pt x="77843" y="166852"/>
                    </a:lnTo>
                    <a:cubicBezTo>
                      <a:pt x="77843" y="166852"/>
                      <a:pt x="77715" y="166979"/>
                      <a:pt x="77651" y="167043"/>
                    </a:cubicBezTo>
                    <a:cubicBezTo>
                      <a:pt x="71765" y="172977"/>
                      <a:pt x="68719" y="180650"/>
                      <a:pt x="68447" y="188402"/>
                    </a:cubicBezTo>
                    <a:cubicBezTo>
                      <a:pt x="68144" y="196984"/>
                      <a:pt x="71255" y="205646"/>
                      <a:pt x="77827" y="212154"/>
                    </a:cubicBezTo>
                    <a:lnTo>
                      <a:pt x="109730" y="244056"/>
                    </a:lnTo>
                    <a:cubicBezTo>
                      <a:pt x="118024" y="252447"/>
                      <a:pt x="122602" y="263804"/>
                      <a:pt x="122443" y="275592"/>
                    </a:cubicBezTo>
                    <a:cubicBezTo>
                      <a:pt x="122124" y="299902"/>
                      <a:pt x="102137" y="319347"/>
                      <a:pt x="77827" y="319028"/>
                    </a:cubicBezTo>
                    <a:lnTo>
                      <a:pt x="31903" y="319028"/>
                    </a:lnTo>
                    <a:cubicBezTo>
                      <a:pt x="14277" y="319028"/>
                      <a:pt x="0" y="333305"/>
                      <a:pt x="0" y="350931"/>
                    </a:cubicBezTo>
                    <a:lnTo>
                      <a:pt x="0" y="478861"/>
                    </a:lnTo>
                    <a:cubicBezTo>
                      <a:pt x="0" y="496487"/>
                      <a:pt x="14277" y="510764"/>
                      <a:pt x="31903" y="510764"/>
                    </a:cubicBezTo>
                    <a:lnTo>
                      <a:pt x="76248" y="510764"/>
                    </a:lnTo>
                    <a:cubicBezTo>
                      <a:pt x="88036" y="510604"/>
                      <a:pt x="99409" y="515183"/>
                      <a:pt x="107784" y="523477"/>
                    </a:cubicBezTo>
                    <a:cubicBezTo>
                      <a:pt x="125075" y="540577"/>
                      <a:pt x="125234" y="568444"/>
                      <a:pt x="108151" y="585736"/>
                    </a:cubicBezTo>
                    <a:lnTo>
                      <a:pt x="76248" y="617638"/>
                    </a:lnTo>
                    <a:cubicBezTo>
                      <a:pt x="76248" y="617638"/>
                      <a:pt x="76120" y="617766"/>
                      <a:pt x="76056" y="617830"/>
                    </a:cubicBezTo>
                    <a:cubicBezTo>
                      <a:pt x="63646" y="630336"/>
                      <a:pt x="63726" y="650546"/>
                      <a:pt x="76248" y="662940"/>
                    </a:cubicBezTo>
                    <a:lnTo>
                      <a:pt x="166852" y="751630"/>
                    </a:lnTo>
                    <a:cubicBezTo>
                      <a:pt x="166852" y="751630"/>
                      <a:pt x="166979" y="751758"/>
                      <a:pt x="167043" y="751822"/>
                    </a:cubicBezTo>
                    <a:cubicBezTo>
                      <a:pt x="179549" y="764232"/>
                      <a:pt x="199759" y="764152"/>
                      <a:pt x="212154" y="751630"/>
                    </a:cubicBezTo>
                    <a:lnTo>
                      <a:pt x="244056" y="719727"/>
                    </a:lnTo>
                    <a:cubicBezTo>
                      <a:pt x="252447" y="711433"/>
                      <a:pt x="263804" y="706855"/>
                      <a:pt x="275592" y="707014"/>
                    </a:cubicBezTo>
                    <a:cubicBezTo>
                      <a:pt x="299902" y="707333"/>
                      <a:pt x="319347" y="727320"/>
                      <a:pt x="319028" y="751630"/>
                    </a:cubicBezTo>
                    <a:lnTo>
                      <a:pt x="319028" y="797570"/>
                    </a:lnTo>
                    <a:cubicBezTo>
                      <a:pt x="319028" y="815197"/>
                      <a:pt x="333305" y="829473"/>
                      <a:pt x="350931" y="829473"/>
                    </a:cubicBezTo>
                    <a:lnTo>
                      <a:pt x="478542" y="829473"/>
                    </a:lnTo>
                    <a:cubicBezTo>
                      <a:pt x="495658" y="828787"/>
                      <a:pt x="509185" y="814702"/>
                      <a:pt x="509169" y="797570"/>
                    </a:cubicBezTo>
                    <a:lnTo>
                      <a:pt x="509169" y="754182"/>
                    </a:lnTo>
                    <a:cubicBezTo>
                      <a:pt x="509009" y="742394"/>
                      <a:pt x="513587" y="731021"/>
                      <a:pt x="521882" y="722646"/>
                    </a:cubicBezTo>
                    <a:cubicBezTo>
                      <a:pt x="538982" y="705355"/>
                      <a:pt x="566849" y="705196"/>
                      <a:pt x="584140" y="722280"/>
                    </a:cubicBezTo>
                    <a:lnTo>
                      <a:pt x="616043" y="754182"/>
                    </a:lnTo>
                    <a:cubicBezTo>
                      <a:pt x="616043" y="754182"/>
                      <a:pt x="616171" y="754310"/>
                      <a:pt x="616235" y="754374"/>
                    </a:cubicBezTo>
                    <a:cubicBezTo>
                      <a:pt x="628741" y="766784"/>
                      <a:pt x="648951" y="766704"/>
                      <a:pt x="661345" y="754182"/>
                    </a:cubicBezTo>
                    <a:lnTo>
                      <a:pt x="751630" y="663897"/>
                    </a:lnTo>
                    <a:cubicBezTo>
                      <a:pt x="751630" y="663897"/>
                      <a:pt x="751758" y="663770"/>
                      <a:pt x="751822" y="663706"/>
                    </a:cubicBezTo>
                    <a:cubicBezTo>
                      <a:pt x="764232" y="651200"/>
                      <a:pt x="764152" y="630990"/>
                      <a:pt x="751630" y="618595"/>
                    </a:cubicBezTo>
                    <a:lnTo>
                      <a:pt x="719727" y="586693"/>
                    </a:lnTo>
                    <a:cubicBezTo>
                      <a:pt x="711433" y="578302"/>
                      <a:pt x="706855" y="566945"/>
                      <a:pt x="707014" y="555157"/>
                    </a:cubicBezTo>
                    <a:cubicBezTo>
                      <a:pt x="707333" y="530847"/>
                      <a:pt x="727320" y="511402"/>
                      <a:pt x="751630" y="511721"/>
                    </a:cubicBezTo>
                    <a:lnTo>
                      <a:pt x="797570" y="511721"/>
                    </a:lnTo>
                    <a:cubicBezTo>
                      <a:pt x="815197" y="511721"/>
                      <a:pt x="829473" y="497445"/>
                      <a:pt x="829473" y="479818"/>
                    </a:cubicBezTo>
                    <a:lnTo>
                      <a:pt x="829473" y="352207"/>
                    </a:lnTo>
                    <a:cubicBezTo>
                      <a:pt x="829473" y="349256"/>
                      <a:pt x="829042" y="346417"/>
                      <a:pt x="828293" y="343705"/>
                    </a:cubicBezTo>
                    <a:close/>
                    <a:moveTo>
                      <a:pt x="414737" y="574251"/>
                    </a:moveTo>
                    <a:cubicBezTo>
                      <a:pt x="326637" y="574251"/>
                      <a:pt x="255222" y="502836"/>
                      <a:pt x="255222" y="414737"/>
                    </a:cubicBezTo>
                    <a:cubicBezTo>
                      <a:pt x="255222" y="326637"/>
                      <a:pt x="326637" y="255222"/>
                      <a:pt x="414737" y="255222"/>
                    </a:cubicBezTo>
                    <a:cubicBezTo>
                      <a:pt x="502836" y="255222"/>
                      <a:pt x="574251" y="326637"/>
                      <a:pt x="574251" y="414737"/>
                    </a:cubicBezTo>
                    <a:cubicBezTo>
                      <a:pt x="574251" y="502836"/>
                      <a:pt x="502836" y="574251"/>
                      <a:pt x="414737" y="574251"/>
                    </a:cubicBezTo>
                    <a:close/>
                  </a:path>
                </a:pathLst>
              </a:custGeom>
              <a:solidFill>
                <a:srgbClr val="2196F3"/>
              </a:solidFill>
              <a:ln cap="flat" w="1594">
                <a:noFill/>
                <a:prstDash val="solid"/>
                <a:miter/>
              </a:ln>
            </p:spPr>
            <p:txBody>
              <a:bodyPr anchor="ctr" rtlCol="0"/>
              <a:lstStyle/>
              <a:p>
                <a:endParaRPr lang="es-ES"/>
              </a:p>
            </p:txBody>
          </p:sp>
        </p:grpSp>
      </p:grpSp>
      <p:sp>
        <p:nvSpPr>
          <p:cNvPr id="39" name="orgunitbox">
            <a:extLst>
              <a:ext uri="{FF2B5EF4-FFF2-40B4-BE49-F238E27FC236}">
                <a16:creationId xmlns:a16="http://schemas.microsoft.com/office/drawing/2014/main" id="{16166C27-476F-1527-15A2-E8E4DE33C18A}"/>
              </a:ext>
            </a:extLst>
          </p:cNvPr>
          <p:cNvSpPr/>
          <p:nvPr/>
        </p:nvSpPr>
        <p:spPr>
          <a:xfrm>
            <a:off x="2718917" y="2059345"/>
            <a:ext cx="2631607" cy="64008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rtlCol="0"/>
          <a:lstStyle/>
          <a:p txid="8ee409b56c1b32d5f0c7e7c0396d3315">
            <a:pPr algn="ctr"/>
            <a:r>
              <a:rPr lang="es-ES" sz="2400"/>
              <a:t>Attribution des unités d'organisation</a:t>
            </a:r>
            <a:endParaRPr dirty="0" lang="en-NO" sz="2400"/>
          </a:p>
        </p:txBody>
      </p:sp>
    </p:spTree>
    <p:custDataLst>
      <p:tags r:id="rId1"/>
    </p:custDataLst>
    <p:extLst>
      <p:ext uri="{BB962C8B-B14F-4D97-AF65-F5344CB8AC3E}">
        <p14:creationId xmlns:p14="http://schemas.microsoft.com/office/powerpoint/2010/main" val="2886574560"/>
      </p:ext>
    </p:extLst>
  </p:cSld>
  <p:clrMapOvr>
    <a:masterClrMapping/>
  </p:clrMapOvr>
  <mc:AlternateContent xmlns:mc="http://schemas.openxmlformats.org/markup-compatibility/2006" xmlns:p159="http://schemas.microsoft.com/office/powerpoint/2015/09/main">
    <mc:Choice Requires="p159">
      <p:transition advTm="8193" spd="slow">
        <p159:morph option="byObject"/>
      </p:transition>
    </mc:Choice>
    <mc:Fallback xmlns="">
      <p:transition advTm="8193" spd="slow">
        <p:fade/>
      </p:transition>
    </mc:Fallback>
  </mc:AlternateContent>
  <p:timing>
    <p:tnLst>
      <p:par>
        <p:cTn dur="indefinite" id="1" nodeType="tmRoot" restart="never">
          <p:childTnLst>
            <p:seq concurrent="1" nextAc="seek">
              <p:cTn dur="indefinite" id="2" nodeType="mainSeq">
                <p:childTnLst>
                  <p:par>
                    <p:cTn fill="hold" id="3">
                      <p:stCondLst>
                        <p:cond delay="indefinite"/>
                      </p:stCondLst>
                      <p:childTnLst>
                        <p:par>
                          <p:cTn fill="hold" id="4">
                            <p:stCondLst>
                              <p:cond delay="0"/>
                            </p:stCondLst>
                            <p:childTnLst>
                              <p:par>
                                <p:cTn fill="hold" grpId="0" id="5" nodeType="clickEffect" presetClass="entr" presetID="10" presetSubtype="0">
                                  <p:stCondLst>
                                    <p:cond delay="0"/>
                                  </p:stCondLst>
                                  <p:childTnLst>
                                    <p:set>
                                      <p:cBhvr>
                                        <p:cTn dur="1" fill="hold" id="6">
                                          <p:stCondLst>
                                            <p:cond delay="0"/>
                                          </p:stCondLst>
                                        </p:cTn>
                                        <p:tgtEl>
                                          <p:spTgt spid="15">
                                            <p:txEl>
                                              <p:pRg end="0" st="0"/>
                                            </p:txEl>
                                          </p:spTgt>
                                        </p:tgtEl>
                                        <p:attrNameLst>
                                          <p:attrName>style.visibility</p:attrName>
                                        </p:attrNameLst>
                                      </p:cBhvr>
                                      <p:to>
                                        <p:strVal val="visible"/>
                                      </p:to>
                                    </p:set>
                                    <p:animEffect filter="fade" transition="in">
                                      <p:cBhvr>
                                        <p:cTn dur="500" id="7"/>
                                        <p:tgtEl>
                                          <p:spTgt spid="15">
                                            <p:txEl>
                                              <p:pRg end="0" st="0"/>
                                            </p:txEl>
                                          </p:spTgt>
                                        </p:tgtEl>
                                      </p:cBhvr>
                                    </p:animEffect>
                                  </p:childTnLst>
                                </p:cTn>
                              </p:par>
                            </p:childTnLst>
                          </p:cTn>
                        </p:par>
                      </p:childTnLst>
                    </p:cTn>
                  </p:par>
                </p:childTnLst>
              </p:cTn>
              <p:prevCondLst>
                <p:cond delay="0" evt="onPrev">
                  <p:tgtEl>
                    <p:sldTgt/>
                  </p:tgtEl>
                </p:cond>
              </p:prevCondLst>
              <p:nextCondLst>
                <p:cond delay="0" evt="onNext">
                  <p:tgtEl>
                    <p:sldTgt/>
                  </p:tgtEl>
                </p:cond>
              </p:nextCondLst>
            </p:seq>
          </p:childTnLst>
        </p:cTn>
      </p:par>
    </p:tnLst>
    <p:bldLst>
      <p:bldP build="p" grpId="0" spid="15" uiExpand="1"/>
    </p:bld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4378C28-5158-4E6B-AF4B-9D7F5CC36921}"/>
  <p:tag name="ISPRING_PLAYERS_CUSTOMIZATION_2" val="UEsDBBQAAgAIAOlcKl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OlcKl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OlcKl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pXCp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OlcKl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pXCpUjnP2+moAAADlAAAAHAAAAG5vbmUvaHRtbF9za2luX3NldHRpbmdzLmpzb26r5lIAAqUcJQUrhWowG8xPKi0pyc/TS87PK0nNK9HLyy/KTQSrUVJ2AwMlHZyK88tSiwgoTUtMTkUx1NTIwskFp0qEiSZO5i7OlsjqChLTU/WSEpOz04vyS/NSIMqcXV0MXYyVwKpquWoBUEsDBBQAAgAIAOlcKl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BIWM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EhY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SFj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EhY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SFj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EhY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sXCp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xcKl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7Fwq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sXCp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sXCp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"/>
  <p:tag name="ISPRING_ULTRA_SCORM_COURCE_TITLE" val="5.2.1 Orientation to sharing settings"/>
  <p:tag name="ISPRING_PRESENTATION_TITLE" val="5.2.1 Orientation to sharing settings"/>
  <p:tag name="FLASHSPRING_ZOOM_TAG" val="71"/>
  <p:tag name="ISPRING_PRESENTATION_INFO_2" val="&lt;?xml version=&quot;1.0&quot; encoding=&quot;UTF-8&quot; standalone=&quot;no&quot; ?&gt;&#10;&lt;presentation2&gt;&#10;&#10;  &lt;slides&gt;&#10;    &lt;slide id=&quot;{27E0913D-E945-4787-BF8E-649B989526A0}&quot; pptId=&quot;299&quot;/&gt;&#10;    &lt;slide id=&quot;{4DCD324E-BE2C-4B83-834F-8D01F477CD90}&quot; pptId=&quot;300&quot;/&gt;&#10;    &lt;slide id=&quot;{847D7321-D333-493B-9366-E5921BBC9490}&quot; pptId=&quot;309&quot;/&gt;&#10;    &lt;slide id=&quot;{16F48910-B425-40B5-B18A-3457F3DE687E}&quot; pptId=&quot;310&quot;/&gt;&#10;    &lt;slide id=&quot;{898E5250-CE03-417F-8CB1-C773D501885C}&quot; pptId=&quot;311&quot;/&gt;&#10;    &lt;slide id=&quot;{4E589138-D1F7-4028-BD5E-0A88A0CF2375}&quot; pptId=&quot;301&quot;/&gt;&#10;    &lt;slide id=&quot;{388CCC24-EAB2-4116-B95A-73291A247345}&quot; pptId=&quot;302&quot;/&gt;&#10;    &lt;slide id=&quot;{14D92599-FA27-439F-B45D-A3986951B9A2}&quot; pptId=&quot;312&quot;/&gt;&#10;    &lt;slide id=&quot;{6A2E5D2B-25D1-49F3-9341-2E3FEB948D97}&quot; pptId=&quot;334&quot;/&gt;&#10;    &lt;slide id=&quot;{39A698F2-908B-48AB-BE97-365F777C0F8B}&quot; pptId=&quot;335&quot;/&gt;&#10;    &lt;slide id=&quot;{E33DB9F3-9A7E-461A-BE9D-87B81A2B6DB3}&quot; pptId=&quot;336&quot;/&gt;&#10;    &lt;slide id=&quot;{5235DD35-57F8-465E-96E7-141C4D3003A1}&quot; pptId=&quot;303&quot;/&gt;&#10;    &lt;slide id=&quot;{9F7912D9-016E-4DC6-B455-66E43945447F}&quot; pptId=&quot;338&quot;/&gt;&#10;    &lt;slide id=&quot;{AA7DA34B-F10B-4564-800E-08A58031BE57}&quot; pptId=&quot;304&quot;/&gt;&#10;    &lt;slide id=&quot;{F6493F81-1109-465B-98E7-807586C70E51}&quot; pptId=&quot;324&quot;/&gt;&#10;    &lt;slide id=&quot;{75A7D2A5-066E-46DC-A3AA-FA7E41EADAD1}&quot; pptId=&quot;327&quot;/&gt;&#10;    &lt;slide id=&quot;{4BFB758A-1059-4DB7-A10C-FB323D1E1304}&quot; pptId=&quot;325&quot;/&gt;&#10;    &lt;slide id=&quot;{F6BD94B5-8D2D-4D55-977E-1463A2CCDC13}&quot; pptId=&quot;326&quot;/&gt;&#10;    &lt;slide id=&quot;{43BD40C4-F5CA-41E3-A80D-7C3A17A1CA0B}&quot; pptId=&quot;317&quot;/&gt;&#10;    &lt;slide id=&quot;{80A7F522-7D69-425A-B1C5-747B639AA822}&quot; pptId=&quot;330&quot;/&gt;&#10;    &lt;slide id=&quot;{44719119-9A9E-498D-AC89-E8FFA8507096}&quot; pptId=&quot;329&quot;/&gt;&#10;    &lt;slide id=&quot;{F7B5C0A1-698D-4F64-B379-6554A52E63B3}&quot; pptId=&quot;328&quot;/&gt;&#10;    &lt;slide id=&quot;{38BEDEE8-EC94-4B16-979E-1A9DFD07110E}&quot; pptId=&quot;306&quot;/&gt;&#10;    &lt;slide id=&quot;{4E90BA15-04C4-40E3-84EC-356668BB58F7}&quot; pptId=&quot;339&quot;/&gt;&#10;    &lt;slide id=&quot;{1AE7ED5A-1C83-4A8B-83B5-3CC2F097C439}&quot; pptId=&quot;331&quot;/&gt;&#10;    &lt;slide id=&quot;{A7902EF3-72EC-4C22-B150-A60CA56D793D}&quot; pptId=&quot;307&quot;/&gt;&#10;    &lt;slide id=&quot;{1B67991C-C32D-4A0B-B9B8-E44C170A1DD7}&quot; pptId=&quot;320&quot;/&gt;&#10;    &lt;slide id=&quot;{A22267A5-7A38-4701-9282-3DFE49609162}&quot; pptId=&quot;321&quot;/&gt;&#10;    &lt;slide id=&quot;{7FC9B893-4789-4F31-B5B3-7D7685789FED}&quot; pptId=&quot;340&quot;/&gt;&#10;    &lt;slide id=&quot;{4E608CA6-B010-4FBA-9A16-3627E8C77813}&quot; pptId=&quot;341&quot;/&gt;&#10;    &lt;slide id=&quot;{D1B9727E-B0BA-435D-8DFB-527217BDF3FA}&quot; pptId=&quot;272&quot;/&gt;&#10;  &lt;/slides&gt;&#10;&#10;  &lt;narration&gt;&#10;    &lt;audioTracks&gt;&#10;      &lt;audioTrack muted=&quot;false&quot; name=&quot;intro&quot; resource=&quot;1421f597&quot; slideId=&quot;{27E0913D-E945-4787-BF8E-649B989526A0}&quot; startTime=&quot;0&quot; stepIndex=&quot;0&quot; volume=&quot;1&quot;&gt;&#10;        &lt;audio channels=&quot;2&quot; format=&quot;fltp&quot; sampleRate=&quot;44100&quot;/&gt;&#10;      &lt;/audioTrack&gt;&#10;      &lt;audioTrack muted=&quot;false&quot; name=&quot;outro&quot; resource=&quot;a38b7b03&quot; slideId=&quot;{D1B9727E-B0BA-435D-8DFB-527217BDF3FA}&quot; startTime=&quot;0&quot; stepIndex=&quot;0&quot; volume=&quot;1&quot;&gt;&#10;        &lt;audio channels=&quot;2&quot; format=&quot;fltp&quot; sampleRate=&quot;44100&quot;/&gt;&#10;      &lt;/audioTrack&gt;&#10;      &lt;audioTrack muted=&quot;false&quot; name=&quot;Slide 2&quot; resource=&quot;a17e7f77&quot; slideId=&quot;{4DCD324E-BE2C-4B83-834F-8D01F477CD90}&quot; startTime=&quot;0&quot; stepIndex=&quot;0&quot; volume=&quot;1&quot;&gt;&#10;        &lt;audio channels=&quot;2&quot; format=&quot;fltp&quot; sampleRate=&quot;48000&quot;/&gt;&#10;      &lt;/audioTrack&gt;&#10;      &lt;audioTrack muted=&quot;false&quot; name=&quot;Slide 3&quot; resource=&quot;95d805fe&quot; slideId=&quot;{847D7321-D333-493B-9366-E5921BBC9490}&quot; startTime=&quot;0&quot; stepIndex=&quot;0&quot; volume=&quot;1&quot;&gt;&#10;        &lt;audio channels=&quot;2&quot; format=&quot;fltp&quot; sampleRate=&quot;48000&quot;/&gt;&#10;      &lt;/audioTrack&gt;&#10;      &lt;audioTrack muted=&quot;false&quot; name=&quot;Slide 4&quot; resource=&quot;d2a7ea01&quot; slideId=&quot;{16F48910-B425-40B5-B18A-3457F3DE687E}&quot; startTime=&quot;0&quot; stepIndex=&quot;0&quot; volume=&quot;1&quot;&gt;&#10;        &lt;audio channels=&quot;2&quot; format=&quot;fltp&quot; sampleRate=&quot;48000&quot;/&gt;&#10;      &lt;/audioTrack&gt;&#10;      &lt;audioTrack muted=&quot;false&quot; name=&quot;Slide 5&quot; resource=&quot;6b2e2137&quot; slideId=&quot;{898E5250-CE03-417F-8CB1-C773D501885C}&quot; startTime=&quot;0&quot; stepIndex=&quot;0&quot; volume=&quot;1&quot;&gt;&#10;        &lt;audio channels=&quot;2&quot; format=&quot;fltp&quot; sampleRate=&quot;48000&quot;/&gt;&#10;      &lt;/audioTrack&gt;&#10;      &lt;audioTrack muted=&quot;false&quot; name=&quot;Slide 6&quot; resource=&quot;9cc8d251&quot; slideId=&quot;{4E589138-D1F7-4028-BD5E-0A88A0CF2375}&quot; startTime=&quot;0&quot; stepIndex=&quot;0&quot; volume=&quot;1&quot;&gt;&#10;        &lt;audio channels=&quot;2&quot; format=&quot;fltp&quot; sampleRate=&quot;48000&quot;/&gt;&#10;      &lt;/audioTrack&gt;&#10;      &lt;audioTrack muted=&quot;false&quot; name=&quot;Slide 7&quot; resource=&quot;0d9cb4b1&quot; slideId=&quot;{388CCC24-EAB2-4116-B95A-73291A247345}&quot; startTime=&quot;0&quot; stepIndex=&quot;0&quot; volume=&quot;1&quot;&gt;&#10;        &lt;audio channels=&quot;2&quot; format=&quot;fltp&quot; sampleRate=&quot;48000&quot;/&gt;&#10;      &lt;/audioTrack&gt;&#10;      &lt;audioTrack muted=&quot;false&quot; name=&quot;Slide 8&quot; resource=&quot;112283dd&quot; slideId=&quot;{14D92599-FA27-439F-B45D-A3986951B9A2}&quot; startTime=&quot;0&quot; stepIndex=&quot;0&quot; volume=&quot;1&quot;&gt;&#10;        &lt;audio channels=&quot;2&quot; format=&quot;fltp&quot; sampleRate=&quot;48000&quot;/&gt;&#10;      &lt;/audioTrack&gt;&#10;      &lt;audioTrack muted=&quot;false&quot; name=&quot;Slide 9&quot; resource=&quot;242e315d&quot; slideId=&quot;{6A2E5D2B-25D1-49F3-9341-2E3FEB948D97}&quot; startTime=&quot;0&quot; stepIndex=&quot;0&quot; volume=&quot;1&quot;&gt;&#10;        &lt;audio channels=&quot;2&quot; format=&quot;fltp&quot; sampleRate=&quot;48000&quot;/&gt;&#10;      &lt;/audioTrack&gt;&#10;      &lt;audioTrack muted=&quot;false&quot; name=&quot;Slide 10&quot; resource=&quot;a73e9260&quot; slideId=&quot;{39A698F2-908B-48AB-BE97-365F777C0F8B}&quot; startTime=&quot;0&quot; stepIndex=&quot;0&quot; volume=&quot;1&quot;&gt;&#10;        &lt;audio channels=&quot;2&quot; format=&quot;fltp&quot; sampleRate=&quot;48000&quot;/&gt;&#10;      &lt;/audioTrack&gt;&#10;      &lt;audioTrack muted=&quot;false&quot; name=&quot;Slide 11&quot; resource=&quot;dbe5d45d&quot; slideId=&quot;{E33DB9F3-9A7E-461A-BE9D-87B81A2B6DB3}&quot; startTime=&quot;0&quot; stepIndex=&quot;0&quot; volume=&quot;1&quot;&gt;&#10;        &lt;audio channels=&quot;2&quot; format=&quot;fltp&quot; sampleRate=&quot;48000&quot;/&gt;&#10;      &lt;/audioTrack&gt;&#10;      &lt;audioTrack muted=&quot;false&quot; name=&quot;Slide 12&quot; resource=&quot;260288bc&quot; slideId=&quot;{5235DD35-57F8-465E-96E7-141C4D3003A1}&quot; startTime=&quot;0&quot; stepIndex=&quot;0&quot; volume=&quot;1&quot;&gt;&#10;        &lt;audio channels=&quot;2&quot; format=&quot;fltp&quot; sampleRate=&quot;48000&quot;/&gt;&#10;      &lt;/audioTrack&gt;&#10;      &lt;audioTrack muted=&quot;false&quot; name=&quot;Slide 13&quot; resource=&quot;f854b29d&quot; slideId=&quot;{9F7912D9-016E-4DC6-B455-66E43945447F}&quot; startTime=&quot;0&quot; stepIndex=&quot;0&quot; volume=&quot;1&quot;&gt;&#10;        &lt;audio channels=&quot;2&quot; format=&quot;fltp&quot; sampleRate=&quot;48000&quot;/&gt;&#10;      &lt;/audioTrack&gt;&#10;      &lt;audioTrack muted=&quot;false&quot; name=&quot;Slide 14&quot; resource=&quot;1d9d7f96&quot; slideId=&quot;{AA7DA34B-F10B-4564-800E-08A58031BE57}&quot; startTime=&quot;0&quot; stepIndex=&quot;0&quot; volume=&quot;1&quot;&gt;&#10;        &lt;audio channels=&quot;2&quot; format=&quot;fltp&quot; sampleRate=&quot;48000&quot;/&gt;&#10;      &lt;/audioTrack&gt;&#10;      &lt;audioTrack muted=&quot;false&quot; name=&quot;Slide 15&quot; resource=&quot;9b60dced&quot; slideId=&quot;{F6493F81-1109-465B-98E7-807586C70E51}&quot; startTime=&quot;0&quot; stepIndex=&quot;0&quot; volume=&quot;1&quot;&gt;&#10;        &lt;audio channels=&quot;2&quot; format=&quot;fltp&quot; sampleRate=&quot;48000&quot;/&gt;&#10;      &lt;/audioTrack&gt;&#10;      &lt;audioTrack muted=&quot;false&quot; name=&quot;Slide 16&quot; resource=&quot;df5d24a9&quot; slideId=&quot;{75A7D2A5-066E-46DC-A3AA-FA7E41EADAD1}&quot; startTime=&quot;0&quot; stepIndex=&quot;0&quot; volume=&quot;1&quot;&gt;&#10;        &lt;audio channels=&quot;2&quot; format=&quot;fltp&quot; sampleRate=&quot;48000&quot;/&gt;&#10;      &lt;/audioTrack&gt;&#10;      &lt;audioTrack muted=&quot;false&quot; name=&quot;Slide 17&quot; resource=&quot;ff175e03&quot; slideId=&quot;{4BFB758A-1059-4DB7-A10C-FB323D1E1304}&quot; startTime=&quot;0&quot; stepIndex=&quot;0&quot; volume=&quot;1&quot;&gt;&#10;        &lt;audio channels=&quot;2&quot; format=&quot;fltp&quot; sampleRate=&quot;48000&quot;/&gt;&#10;      &lt;/audioTrack&gt;&#10;      &lt;audioTrack muted=&quot;false&quot; name=&quot;Slide 18&quot; resource=&quot;f50183e9&quot; slideId=&quot;{F6BD94B5-8D2D-4D55-977E-1463A2CCDC13}&quot; startTime=&quot;0&quot; stepIndex=&quot;0&quot; volume=&quot;1&quot;&gt;&#10;        &lt;audio channels=&quot;2&quot; format=&quot;fltp&quot; sampleRate=&quot;48000&quot;/&gt;&#10;      &lt;/audioTrack&gt;&#10;      &lt;audioTrack muted=&quot;false&quot; name=&quot;Slide 19&quot; resource=&quot;ce5d5cce&quot; slideId=&quot;{43BD40C4-F5CA-41E3-A80D-7C3A17A1CA0B}&quot; startTime=&quot;0&quot; stepIndex=&quot;0&quot; volume=&quot;1&quot;&gt;&#10;        &lt;audio channels=&quot;2&quot; format=&quot;fltp&quot; sampleRate=&quot;48000&quot;/&gt;&#10;      &lt;/audioTrack&gt;&#10;      &lt;audioTrack muted=&quot;false&quot; name=&quot;Slide 20&quot; resource=&quot;bf4fd73c&quot; slideId=&quot;{80A7F522-7D69-425A-B1C5-747B639AA822}&quot; startTime=&quot;0&quot; stepIndex=&quot;0&quot; volume=&quot;1&quot;&gt;&#10;        &lt;audio channels=&quot;2&quot; format=&quot;fltp&quot; sampleRate=&quot;48000&quot;/&gt;&#10;      &lt;/audioTrack&gt;&#10;      &lt;audioTrack muted=&quot;false&quot; name=&quot;Slide 21&quot; resource=&quot;01485951&quot; slideId=&quot;{44719119-9A9E-498D-AC89-E8FFA8507096}&quot; startTime=&quot;0&quot; stepIndex=&quot;0&quot; volume=&quot;1&quot;&gt;&#10;        &lt;audio channels=&quot;2&quot; format=&quot;fltp&quot; sampleRate=&quot;48000&quot;/&gt;&#10;      &lt;/audioTrack&gt;&#10;      &lt;audioTrack muted=&quot;false&quot; name=&quot;Slide 22&quot; resource=&quot;4a810b71&quot; slideId=&quot;{F7B5C0A1-698D-4F64-B379-6554A52E63B3}&quot; startTime=&quot;0&quot; stepIndex=&quot;0&quot; volume=&quot;1&quot;&gt;&#10;        &lt;audio channels=&quot;2&quot; format=&quot;fltp&quot; sampleRate=&quot;48000&quot;/&gt;&#10;      &lt;/audioTrack&gt;&#10;      &lt;audioTrack muted=&quot;false&quot; name=&quot;Slide 23&quot; resource=&quot;ec3b57a0&quot; slideId=&quot;{38BEDEE8-EC94-4B16-979E-1A9DFD07110E}&quot; startTime=&quot;0&quot; stepIndex=&quot;0&quot; volume=&quot;1&quot;&gt;&#10;        &lt;audio channels=&quot;2&quot; format=&quot;fltp&quot; sampleRate=&quot;48000&quot;/&gt;&#10;      &lt;/audioTrack&gt;&#10;      &lt;audioTrack muted=&quot;false&quot; name=&quot;Slide 24&quot; resource=&quot;53c31f8f&quot; slideId=&quot;{1AE7ED5A-1C83-4A8B-83B5-3CC2F097C439}&quot; startTime=&quot;0&quot; stepIndex=&quot;0&quot; volume=&quot;1&quot;&gt;&#10;        &lt;audio channels=&quot;2&quot; format=&quot;fltp&quot; sampleRate=&quot;48000&quot;/&gt;&#10;      &lt;/audioTrack&gt;&#10;      &lt;audioTrack muted=&quot;false&quot; name=&quot;Slide 25&quot; resource=&quot;687b3c38&quot; slideId=&quot;{A7902EF3-72EC-4C22-B150-A60CA56D793D}&quot; startTime=&quot;0&quot; stepIndex=&quot;0&quot; volume=&quot;1&quot;&gt;&#10;        &lt;audio channels=&quot;2&quot; format=&quot;fltp&quot; sampleRate=&quot;48000&quot;/&gt;&#10;      &lt;/audioTrack&gt;&#10;      &lt;audioTrack muted=&quot;false&quot; name=&quot;Slide 26&quot; resource=&quot;313ad14e&quot; slideId=&quot;{1B67991C-C32D-4A0B-B9B8-E44C170A1DD7}&quot; startTime=&quot;0&quot; stepIndex=&quot;0&quot; volume=&quot;1&quot;&gt;&#10;        &lt;audio channels=&quot;2&quot; format=&quot;fltp&quot; sampleRate=&quot;48000&quot;/&gt;&#10;      &lt;/audioTrack&gt;&#10;      &lt;audioTrack muted=&quot;false&quot; name=&quot;Slide 28&quot; resource=&quot;787aee66&quot; slideId=&quot;{7FC9B893-4789-4F31-B5B3-7D7685789FED}&quot; startTime=&quot;0&quot; stepIndex=&quot;0&quot; volume=&quot;1&quot;&gt;&#10;        &lt;audio channels=&quot;2&quot; format=&quot;fltp&quot; sampleRate=&quot;48000&quot;/&gt;&#10;      &lt;/audioTrack&gt;&#10;      &lt;audioTrack muted=&quot;false&quot; name=&quot;Slide 29&quot; resource=&quot;5b85db19&quot; slideId=&quot;{4E608CA6-B010-4FBA-9A16-3627E8C77813}&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VideoExports\\Full Video&quot;],[&quot;\uFFFD\u007F\uFFFD\uFFFD{6BE92DC9-446C-4AE2-8C04-F8B8C6EF443B}&quot;,&quot;C:\\Users\\alita\\Documents\\0. Clientes LOCAL\\DHIS2\\Fundamentals\\2.0\\4. DHIS2 Customization\\Production&quot;]]"/>
  <p:tag name="ISPRING_SCREEN_RECS_UPDATED" val="D:\DHIS2_Projects\DHIS2Fundamentals2.0\DHIS2Customization\iSpringVideos\5.2.1 OrientationToSharingSettings"/>
  <p:tag name="ISPRING_RESOURCE_FOLDER" val="D:\DHIS2_Projects\DHIS2Fundamentals2.0\DHIS2Customization\iSpringVideos\5.2.1 OrientationToSharingSettings"/>
  <p:tag name="ISPRING_PRESENTATION_PATH" val="D:\DHIS2_Projects\DHIS2Fundamentals2.0\DHIS2Customization\iSpringVideos\5.2.1 OrientationToSharingSettings.pptx"/>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5.2.1 Orientation to sharing settings&quot;,&quot;onlineDestinationFolderId&quot;:&quot;8b8e1706-e577-11ec-a923-027981a1a2a3&quot;,&quot;onlineDestinationUrl&quot;:&quot;dhis2-academy.ispring.com&quot;,&quot;uploadSources&quot;:true}}"/>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8.193"/>
  <p:tag name="TIMING" val="|4.294"/>
  <p:tag name="GENSWF_SLIDE_UID" val="{FAD84572-7F74-4FED-837B-91D63CBD5716}:334"/>
  <p:tag name="ISPRING_SLIDE_ID_2" val="{6A2E5D2B-25D1-49F3-9341-2E3FEB948D97}"/>
</p:tagLst>
</file>

<file path=ppt/tags/tag11.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782"/>
  <p:tag name="TIMING" val="|1.386|3.574|2.069|1.489"/>
  <p:tag name="GENSWF_SLIDE_UID" val="{04BCAC91-214B-4C6E-9820-6DCFF3FD1F2D}:335"/>
  <p:tag name="ISPRING_SLIDE_ID_2" val="{39A698F2-908B-48AB-BE97-365F777C0F8B}"/>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9.775"/>
  <p:tag name="TIMING" val="|4.06|4.286|1.104"/>
  <p:tag name="GENSWF_SLIDE_UID" val="{6C4EAF0C-0869-4DE5-8373-278695F9AB94}:336"/>
  <p:tag name="ISPRING_SLIDE_ID_2" val="{E33DB9F3-9A7E-461A-BE9D-87B81A2B6DB3}"/>
</p:tagLst>
</file>

<file path=ppt/tags/tag1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24.581"/>
  <p:tag name="TIMING" val="|2.68|3.791|1.381|5.42|2.225|4.445|1.667|0.74"/>
  <p:tag name="GENSWF_SLIDE_UID" val="{4A244368-2846-4A5D-ACAE-C35C4D3A76E3}:303"/>
  <p:tag name="ISPRING_SLIDE_ID_2" val="{5235DD35-57F8-465E-96E7-141C4D3003A1}"/>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8.724"/>
  <p:tag name="TIMING" val="|5.486|2.401|4.867|0.799"/>
  <p:tag name="GENSWF_SLIDE_UID" val="{193A5610-1827-4EB8-9A18-67B906E25924}:338"/>
  <p:tag name="ISPRING_SLIDE_ID_2" val="{9F7912D9-016E-4DC6-B455-66E43945447F}"/>
</p:tagLst>
</file>

<file path=ppt/tags/tag1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5.121"/>
  <p:tag name="TIMING" val="|1.505|1.513"/>
  <p:tag name="GENSWF_SLIDE_UID" val="{25D43331-B6D6-4D34-A015-DCE5D7126A5B}:304"/>
  <p:tag name="ISPRING_SLIDE_ID_2" val="{AA7DA34B-F10B-4564-800E-08A58031BE57}"/>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4.349"/>
  <p:tag name="TIMING" val="|2.314"/>
  <p:tag name="GENSWF_SLIDE_UID" val="{B2701919-38B2-426B-A7BB-BD7CDD6F4E97}:324"/>
  <p:tag name="ISPRING_SLIDE_ID_2" val="{F6493F81-1109-465B-98E7-807586C70E51}"/>
</p:tagLst>
</file>

<file path=ppt/tags/tag1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8.272"/>
  <p:tag name="TIMING" val="|1.446|1.645|0.8|2.857"/>
  <p:tag name="GENSWF_SLIDE_UID" val="{C8059F2B-B2A2-4BFE-9653-6AFB0294625A}:327"/>
  <p:tag name="ISPRING_SLIDE_ID_2" val="{75A7D2A5-066E-46DC-A3AA-FA7E41EADAD1}"/>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8.241"/>
  <p:tag name="TIMING" val="|1.49|5.038|1.054|6.957"/>
  <p:tag name="GENSWF_SLIDE_UID" val="{E565572B-37EC-4160-B82F-873112844C1E}:325"/>
  <p:tag name="ISPRING_SLIDE_ID_2" val="{4BFB758A-1059-4DB7-A10C-FB323D1E1304}"/>
</p:tagLst>
</file>

<file path=ppt/tags/tag1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6.580"/>
  <p:tag name="TIMING" val="|1.453|4.451|0.827|5.734"/>
  <p:tag name="GENSWF_SLIDE_UID" val="{D78A39BC-E692-44A2-ADBB-50FBCE25FAB9}:326"/>
  <p:tag name="ISPRING_SLIDE_ID_2" val="{F6BD94B5-8D2D-4D55-977E-1463A2CCDC13}"/>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3.019"/>
  <p:tag name="ISPRING_SLIDE_ID_2" val="{27E0913D-E945-4787-BF8E-649B989526A0}"/>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4.650"/>
  <p:tag name="TIMING" val="|1.371|1.094"/>
  <p:tag name="GENSWF_SLIDE_UID" val="{9286F39B-685A-4C07-ADBF-23863C4FF753}:317"/>
  <p:tag name="ISPRING_SLIDE_ID_2" val="{43BD40C4-F5CA-41E3-A80D-7C3A17A1CA0B}"/>
</p:tagLst>
</file>

<file path=ppt/tags/tag21.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6.993"/>
  <p:tag name="TIMING" val="|1.46|2.529|0.877"/>
  <p:tag name="GENSWF_SLIDE_UID" val="{3EB54AFF-86C4-47DA-939A-C073D204AEF0}:330"/>
  <p:tag name="ISPRING_SLIDE_ID_2" val="{80A7F522-7D69-425A-B1C5-747B639AA822}"/>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7.958"/>
  <p:tag name="TIMING" val="|1.465|3.968|0.92|8.702"/>
  <p:tag name="GENSWF_SLIDE_UID" val="{DB5983EB-AE2C-458E-BD0E-5606B1A2DFCF}:329"/>
  <p:tag name="ISPRING_SLIDE_ID_2" val="{44719119-9A9E-498D-AC89-E8FFA8507096}"/>
</p:tagLst>
</file>

<file path=ppt/tags/tag2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26.927"/>
  <p:tag name="TIMING" val="|2.133|3.7|1.069|10.944|1.116|2.088|1.629"/>
  <p:tag name="GENSWF_SLIDE_UID" val="{662E8B27-C7C1-4CD0-8B8C-91994BDD8488}:328"/>
  <p:tag name="ISPRING_SLIDE_ID_2" val="{F7B5C0A1-698D-4F64-B379-6554A52E63B3}"/>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6.114"/>
  <p:tag name="TIMING" val="|1.857|2.539"/>
  <p:tag name="GENSWF_SLIDE_UID" val="{2B42A3FB-8213-4F51-B1E9-F4CCDAED5E02}:306"/>
  <p:tag name="ISPRING_SLIDE_ID_2" val="{38BEDEE8-EC94-4B16-979E-1A9DFD07110E}"/>
</p:tagLst>
</file>

<file path=ppt/tags/tag2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9.547"/>
  <p:tag name="TIMING" val="|1.93|5.029"/>
  <p:tag name="GENSWF_SLIDE_UID" val="{E5ABA04C-E72E-4A6A-B62F-D07A750B6974}:339"/>
  <p:tag name="ISPRING_SLIDE_ID_2" val="{4E90BA15-04C4-40E3-84EC-356668BB58F7}"/>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411682CA-EA4F-4A6E-97A9-6D4140D352EF}:331"/>
  <p:tag name="ISPRING_SLIDE_ID_2" val="{1AE7ED5A-1C83-4A8B-83B5-3CC2F097C439}"/>
  <p:tag name="GENSWF_ADVANCE_TIME" val="17.132"/>
  <p:tag name="TIMING" val="|1.487|1.441|1.153|0.781|2.327|3.019|1.294|2.516"/>
</p:tagLst>
</file>

<file path=ppt/tags/tag2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783"/>
  <p:tag name="TIMING" val="|8.889|1.255"/>
  <p:tag name="GENSWF_SLIDE_UID" val="{1E3A1806-EE41-448F-8AA9-DC97DC4BF88F}:307"/>
  <p:tag name="ISPRING_SLIDE_ID_2" val="{A7902EF3-72EC-4C22-B150-A60CA56D793D}"/>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0"/>
  <p:tag name="GENSWF_ADVANCE_TIME" val="27.600"/>
  <p:tag name="ISPRING_CUSTOM_TIMING_USED" val="1"/>
  <p:tag name="TIMING" val="|6.607|4.718|5.24"/>
  <p:tag name="GENSWF_SLIDE_UID" val="{C0654CB1-72E2-4E4F-AAA7-9B203DB661CE}:320"/>
  <p:tag name="ISPRING_SLIDE_ID_2" val="{1B67991C-C32D-4A0B-B9B8-E44C170A1DD7}"/>
</p:tagLst>
</file>

<file path=ppt/tags/tag29.xml><?xml version="1.0" encoding="utf-8"?>
<p:tagLst xmlns:a="http://schemas.openxmlformats.org/drawingml/2006/main" xmlns:r="http://schemas.openxmlformats.org/officeDocument/2006/relationships" xmlns:p="http://schemas.openxmlformats.org/presentationml/2006/main">
  <p:tag name="GENSWF_ADVANCE_TIME" val="51.000"/>
  <p:tag name="ISPRING_SLIDE_INDENT_LEVEL" val="0"/>
  <p:tag name="ISPRING_CUSTOM_TIMING_USED" val="1"/>
  <p:tag name="GENSWF_SLIDE_UID" val="{060821A3-5782-470F-BFF4-2DEA330C2463}:321"/>
  <p:tag name="ISPRING_SLIDE_ID_2" val="{A22267A5-7A38-4701-9282-3DFE49609162}"/>
</p:tagLst>
</file>

<file path=ppt/tags/tag3.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5.366"/>
  <p:tag name="TIMING" val="|1.544|1.479"/>
  <p:tag name="GENSWF_SLIDE_UID" val="{58B2C746-D42A-4C9A-9E86-03EC8CB4DA20}:300"/>
  <p:tag name="ISPRING_SLIDE_ID_2" val="{4DCD324E-BE2C-4B83-834F-8D01F477CD90}"/>
</p:tagLst>
</file>

<file path=ppt/tags/tag3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23.087"/>
  <p:tag name="TIMING" val="|2.471|3.668|2.827"/>
  <p:tag name="GENSWF_SLIDE_UID" val="{6C967D45-7C65-4213-BF50-97A17CA7D053}:340"/>
  <p:tag name="ISPRING_SLIDE_ID_2" val="{7FC9B893-4789-4F31-B5B3-7D7685789FED}"/>
</p:tagLst>
</file>

<file path=ppt/tags/tag31.xml><?xml version="1.0" encoding="utf-8"?>
<p:tagLst xmlns:a="http://schemas.openxmlformats.org/drawingml/2006/main" xmlns:r="http://schemas.openxmlformats.org/officeDocument/2006/relationships" xmlns:p="http://schemas.openxmlformats.org/presentationml/2006/main">
  <p:tag name="ISPRING_SLIDE_INDENT_LEVEL" val="0"/>
  <p:tag name="GENSWF_ADVANCE_TIME" val="60.432"/>
  <p:tag name="ISPRING_CUSTOM_TIMING_USED" val="1"/>
  <p:tag name="TIMING" val="|1.335|1.174|1.844|1.734|5.521|4.786|10.889|3.64|1.905|1.44|2.639|4.924|4.512"/>
  <p:tag name="GENSWF_SLIDE_UID" val="{C8B98949-F589-419F-93A5-A25D6EBC0219}:341"/>
  <p:tag name="ISPRING_SLIDE_ID_2" val="{4E608CA6-B010-4FBA-9A16-3627E8C77813}"/>
</p:tagLst>
</file>

<file path=ppt/tags/tag3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D1B9727E-B0BA-435D-8DFB-527217BDF3FA}"/>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077"/>
  <p:tag name="TIMING" val="|2.752|1.965|0.954|2.019|1.013|0.814"/>
  <p:tag name="GENSWF_SLIDE_UID" val="{BB0DF229-8DC8-489C-B609-F04816F8D6F1}:309"/>
  <p:tag name="ISPRING_SLIDE_ID_2" val="{847D7321-D333-493B-9366-E5921BBC949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850"/>
  <p:tag name="TIMING" val="|1.343|1.281|2.775"/>
  <p:tag name="GENSWF_SLIDE_UID" val="{5475222A-E7A5-4BBE-BE0A-342E5CFE3424}:310"/>
  <p:tag name="ISPRING_SLIDE_ID_2" val="{16F48910-B425-40B5-B18A-3457F3DE687E}"/>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4.793"/>
  <p:tag name="TIMING" val="|2.493|5.376"/>
  <p:tag name="GENSWF_SLIDE_UID" val="{70AC52AE-6088-45EE-94D5-97183803582E}:311"/>
  <p:tag name="ISPRING_SLIDE_ID_2" val="{898E5250-CE03-417F-8CB1-C773D501885C}"/>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32.770"/>
  <p:tag name="TIMING" val="|2.201|1.249|1.136|1.436|1.951|7.78|2.636|2.078"/>
  <p:tag name="GENSWF_SLIDE_UID" val="{A736A4E0-09EA-482F-AEBF-42AEBACC1CD4}:301"/>
  <p:tag name="ISPRING_SLIDE_ID_2" val="{4E589138-D1F7-4028-BD5E-0A88A0CF2375}"/>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11.333"/>
  <p:tag name="TIMING" val="|5.073|1.64|2.189"/>
  <p:tag name="GENSWF_SLIDE_UID" val="{092BC056-2341-43B1-99B5-C5EBCE269B04}:302"/>
  <p:tag name="ISPRING_SLIDE_ID_2" val="{388CCC24-EAB2-4116-B95A-73291A247345}"/>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ADVANCE_TIME" val="25.188"/>
  <p:tag name="TIMING" val="|2.934|5.038|7.557"/>
  <p:tag name="GENSWF_SLIDE_UID" val="{C46F6823-63D8-43B4-AD91-A5B6911A077C}:312"/>
  <p:tag name="ISPRING_SLIDE_ID_2" val="{14D92599-FA27-439F-B45D-A3986951B9A2}"/>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lnSpc>
            <a:spcPts val="3300"/>
          </a:lnSpc>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27051</TotalTime>
  <Words>1847</Words>
  <Application>Microsoft Macintosh PowerPoint</Application>
  <PresentationFormat>Widescreen</PresentationFormat>
  <Paragraphs>211</Paragraphs>
  <Slides>31</Slides>
  <Notes>31</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31</vt:i4>
      </vt:variant>
    </vt:vector>
  </HeadingPairs>
  <TitlesOfParts>
    <vt:vector size="37" baseType="lpstr">
      <vt:lpstr>Arial</vt:lpstr>
      <vt:lpstr>Calibri</vt:lpstr>
      <vt:lpstr>Lato</vt:lpstr>
      <vt:lpstr>Rubik</vt:lpstr>
      <vt:lpstr>Rubik Medium</vt:lpstr>
      <vt:lpstr>DHIS2 Online Academy</vt:lpstr>
      <vt:lpstr>PowerPoint Presentation</vt:lpstr>
      <vt:lpstr>PowerPoint Presentation</vt:lpstr>
      <vt:lpstr>PowerPoint Presentation</vt:lpstr>
      <vt:lpstr>PowerPoint Presentation</vt:lpstr>
      <vt:lpstr>In this video, you will see…</vt:lpstr>
      <vt:lpstr>Access control in DHIS2</vt:lpstr>
      <vt:lpstr>3 layers of access control in DHIS2</vt:lpstr>
      <vt:lpstr>What does user roles control?</vt:lpstr>
      <vt:lpstr>What does organisation unit assignment control?</vt:lpstr>
      <vt:lpstr>What does organisation unit assignment control?</vt:lpstr>
      <vt:lpstr>What does sharing settings control?</vt:lpstr>
      <vt:lpstr>Sharing settings features</vt:lpstr>
      <vt:lpstr>Sharing settings features</vt:lpstr>
      <vt:lpstr>Metadata and data sharing options</vt:lpstr>
      <vt:lpstr>Metadata sharing options</vt:lpstr>
      <vt:lpstr>Metadata sharing options</vt:lpstr>
      <vt:lpstr>Metadata sharing options</vt:lpstr>
      <vt:lpstr>Metadata sharing options</vt:lpstr>
      <vt:lpstr>Data sharing options</vt:lpstr>
      <vt:lpstr>Data sharing options</vt:lpstr>
      <vt:lpstr>Data sharing options</vt:lpstr>
      <vt:lpstr>Data sharing options</vt:lpstr>
      <vt:lpstr>User roles and sharing settings</vt:lpstr>
      <vt:lpstr>User roles and sharing settings</vt:lpstr>
      <vt:lpstr>Example of user role and sharing settings configuration</vt:lpstr>
      <vt:lpstr>Sharing settings in aggregate systems</vt:lpstr>
      <vt:lpstr>Example: enter data for RMNCAH data set</vt:lpstr>
      <vt:lpstr>PowerPoint Presentation</vt:lpstr>
      <vt:lpstr>Sharing settings in the Maintenance app</vt:lpstr>
      <vt:lpstr>In 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5.2.1 Orientation to sharing settings</dc:title>
  <dc:subject>elearning</dc:subject>
  <dc:creator>Alejandra Avila</dc:creator>
  <cp:lastModifiedBy>Simona Sekerova</cp:lastModifiedBy>
  <cp:revision>791</cp:revision>
  <cp:lastPrinted>2021-06-09T13:32:46Z</cp:lastPrinted>
  <dcterms:created xsi:type="dcterms:W3CDTF">2021-02-03T12:41:27Z</dcterms:created>
  <dcterms:modified xsi:type="dcterms:W3CDTF">2023-04-13T15:36:51Z</dcterms:modified>
</cp:coreProperties>
</file>